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externalLinks/externalLink1.xml" ContentType="application/vnd.openxmlformats-officedocument.spreadsheetml.externalLink+xml"/>
  <Override PartName="/xl/externalLinks/externalLink2.xml" ContentType="application/vnd.openxmlformats-officedocument.spreadsheetml.externalLink+xml"/>
  <Override PartName="/xl/externalLinks/externalLink3.xml" ContentType="application/vnd.openxmlformats-officedocument.spreadsheetml.externalLink+xml"/>
  <Override PartName="/xl/externalLinks/externalLink4.xml" ContentType="application/vnd.openxmlformats-officedocument.spreadsheetml.externalLink+xml"/>
  <Override PartName="/xl/metadata.xml" ContentType="application/vnd.openxmlformats-officedocument.spreadsheetml.sheetMetadata+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calcChain.xml" ContentType="application/vnd.openxmlformats-officedocument.spreadsheetml.calcChain+xml"/>
  <Override PartName="/customXml/itemProps1.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6501"/>
  <workbookPr/>
  <mc:AlternateContent xmlns:mc="http://schemas.openxmlformats.org/markup-compatibility/2006">
    <mc:Choice Requires="x15">
      <x15ac:absPath xmlns:x15ac="http://schemas.microsoft.com/office/spreadsheetml/2010/11/ac" url="https://dsnorden-my.sharepoint.com/personal/izh_norden_com/Documents/Desktop/"/>
    </mc:Choice>
  </mc:AlternateContent>
  <xr:revisionPtr revIDLastSave="58" documentId="8_{2D29E7A9-A13C-4994-80AC-B678A1B4F6CB}" xr6:coauthVersionLast="47" xr6:coauthVersionMax="47" xr10:uidLastSave="{FC73B390-513F-4DEF-B1BA-F124AAF664A6}"/>
  <bookViews>
    <workbookView xWindow="32475" yWindow="-10650" windowWidth="28770" windowHeight="17775" firstSheet="2" activeTab="6" xr2:uid="{00000000-000D-0000-FFFF-FFFF00000000}"/>
  </bookViews>
  <sheets>
    <sheet name="Table of ccontent" sheetId="2" r:id="rId1"/>
    <sheet name="Fleet end Q2 2023" sheetId="3" r:id="rId2"/>
    <sheet name="Dry Cargo Table Q2 2023" sheetId="5" r:id="rId3"/>
    <sheet name="Tankers Table Q2 2023" sheetId="6" r:id="rId4"/>
    <sheet name="Dry Cargo Table Q1 2023" sheetId="8" r:id="rId5"/>
    <sheet name="Tankers Table Q1 2023" sheetId="7" r:id="rId6"/>
    <sheet name="Valuation of TC Cover end Q2" sheetId="4" r:id="rId7"/>
  </sheets>
  <externalReferences>
    <externalReference r:id="rId8"/>
    <externalReference r:id="rId9"/>
    <externalReference r:id="rId10"/>
    <externalReference r:id="rId11"/>
  </externalReferences>
  <definedNames>
    <definedName name="_xlnm._FilterDatabase" localSheetId="1" hidden="1">'Fleet end Q2 2023'!$A$5:$N$108</definedName>
    <definedName name="AveragePrice" localSheetId="1">#REF!</definedName>
    <definedName name="AveragePrice">#REF!</definedName>
    <definedName name="balanceshit" localSheetId="1">#REF!</definedName>
    <definedName name="balanceshit">#REF!</definedName>
    <definedName name="BunkersHedgesAppendix" localSheetId="1">#REF!</definedName>
    <definedName name="BunkersHedgesAppendix">#REF!</definedName>
    <definedName name="BunkersTotalOversigt" localSheetId="1">#REF!</definedName>
    <definedName name="BunkersTotalOversigt">#REF!</definedName>
    <definedName name="Credit_Ratings" localSheetId="1">#REF!</definedName>
    <definedName name="Credit_Ratings">#REF!</definedName>
    <definedName name="CurrentDate" localSheetId="1">#REF!</definedName>
    <definedName name="CurrentDate">#REF!</definedName>
    <definedName name="CurrentQueryDate">[1]VesselAnalysis!$K$7</definedName>
    <definedName name="Departments" localSheetId="1">#REF!</definedName>
    <definedName name="Departments">#REF!</definedName>
    <definedName name="EffectiveDate" localSheetId="1">#REF!</definedName>
    <definedName name="EffectiveDate">#REF!</definedName>
    <definedName name="EndDate" localSheetId="1">#REF!</definedName>
    <definedName name="EndDate">#REF!</definedName>
    <definedName name="Expense" localSheetId="1">#REF!</definedName>
    <definedName name="Expense">#REF!</definedName>
    <definedName name="Fleet" localSheetId="1">#REF!</definedName>
    <definedName name="Fleet">#REF!</definedName>
    <definedName name="gCapacity1" localSheetId="1">#REF!</definedName>
    <definedName name="gCapacity1">#REF!</definedName>
    <definedName name="gCapacity2" localSheetId="1">#REF!</definedName>
    <definedName name="gCapacity2">#REF!</definedName>
    <definedName name="gCapacity3" localSheetId="1">#REF!</definedName>
    <definedName name="gCapacity3">#REF!</definedName>
    <definedName name="gCount1" localSheetId="1">#REF!</definedName>
    <definedName name="gCount1">#REF!</definedName>
    <definedName name="gCount2" localSheetId="1">#REF!</definedName>
    <definedName name="gCount2">#REF!</definedName>
    <definedName name="gCount3" localSheetId="1">#REF!</definedName>
    <definedName name="gCount3">#REF!</definedName>
    <definedName name="Graph1" localSheetId="1">#REF!</definedName>
    <definedName name="Graph1">#REF!</definedName>
    <definedName name="Graph10" localSheetId="1">#REF!</definedName>
    <definedName name="Graph10">#REF!</definedName>
    <definedName name="Graph11" localSheetId="1">#REF!</definedName>
    <definedName name="Graph11">#REF!</definedName>
    <definedName name="Graph12" localSheetId="1">#REF!</definedName>
    <definedName name="Graph12">#REF!</definedName>
    <definedName name="Graph13" localSheetId="1">#REF!</definedName>
    <definedName name="Graph13">#REF!</definedName>
    <definedName name="Graph14" localSheetId="1">#REF!</definedName>
    <definedName name="Graph14">#REF!</definedName>
    <definedName name="Graph15" localSheetId="1">#REF!</definedName>
    <definedName name="Graph15">#REF!</definedName>
    <definedName name="Graph2" localSheetId="1">#REF!</definedName>
    <definedName name="Graph2">#REF!</definedName>
    <definedName name="Graph22">[2]FleetHistory!$AA$22:$AC$22</definedName>
    <definedName name="Graph23">[2]FleetHistory!$AA$23:$AC$23</definedName>
    <definedName name="Graph24">[2]FleetHistory!$AA$24:$AC$24</definedName>
    <definedName name="Graph25">[2]FleetHistory!$AA$25:$AC$25</definedName>
    <definedName name="Graph26">[2]FleetHistory!$AA$26:$AC$26</definedName>
    <definedName name="Graph27">[2]FleetHistory!$AA$27:$AC$27</definedName>
    <definedName name="Graph28">[2]FleetHistory!$AA$28:$AC$28</definedName>
    <definedName name="Graph29">[2]FleetHistory!$AA$29:$AC$29</definedName>
    <definedName name="Graph3" localSheetId="1">#REF!</definedName>
    <definedName name="Graph3">#REF!</definedName>
    <definedName name="Graph30">[2]FleetHistory!$AA$30:$AC$30</definedName>
    <definedName name="Graph31">[2]FleetHistory!$AA$31:$AC$31</definedName>
    <definedName name="Graph32">[2]FleetHistory!$AA$32:$AC$32</definedName>
    <definedName name="Graph33">[2]FleetHistory!$AA$33:$AC$33</definedName>
    <definedName name="Graph34">[2]FleetHistory!$AA$34:$AC$34</definedName>
    <definedName name="Graph35">[2]FleetHistory!$AA$35:$AC$35</definedName>
    <definedName name="Graph36">[2]FleetHistory!$AA$36:$AC$36</definedName>
    <definedName name="Graph37">[2]FleetHistory!$AA$37:$AC$37</definedName>
    <definedName name="Graph38">[2]FleetHistory!$AA$38:$AC$38</definedName>
    <definedName name="Graph39">[2]FleetHistory!$AA$39:$AC$39</definedName>
    <definedName name="Graph4" localSheetId="1">#REF!</definedName>
    <definedName name="Graph4">#REF!</definedName>
    <definedName name="Graph40">[2]FleetHistory!$AA$40:$AC$40</definedName>
    <definedName name="Graph41">[2]FleetHistory!$AA$41:$AC$41</definedName>
    <definedName name="Graph42">[2]FleetHistory!$AA$42:$AC$42</definedName>
    <definedName name="Graph43">[2]FleetHistory!$AA$43:$AC$43</definedName>
    <definedName name="Graph44">[2]FleetHistory!$AA$44:$AC$44</definedName>
    <definedName name="Graph45">[2]FleetHistory!$AA$45:$AC$45</definedName>
    <definedName name="Graph46">[2]FleetHistory!$AA$46:$AC$46</definedName>
    <definedName name="Graph47">[2]FleetHistory!$AA$47:$AC$47</definedName>
    <definedName name="Graph48">[2]FleetHistory!$AA$48:$AC$48</definedName>
    <definedName name="Graph49">[2]FleetHistory!$AA$49:$AC$49</definedName>
    <definedName name="Graph5" localSheetId="1">#REF!</definedName>
    <definedName name="Graph5">#REF!</definedName>
    <definedName name="Graph50">[2]FleetHistory!$AA$50:$AC$50</definedName>
    <definedName name="Graph51">[2]FleetHistory!$AA$51:$AC$51</definedName>
    <definedName name="Graph52">[2]FleetHistory!$AA$52:$AC$52</definedName>
    <definedName name="Graph53">[2]FleetHistory!$AA$53:$AC$53</definedName>
    <definedName name="Graph54">[2]FleetHistory!$AA$54:$AC$54</definedName>
    <definedName name="Graph55">[2]FleetHistory!$AA$55:$AC$55</definedName>
    <definedName name="Graph56">[2]FleetHistory!$AA$56:$AC$56</definedName>
    <definedName name="Graph57">[2]FleetHistory!$AA$57:$AC$57</definedName>
    <definedName name="Graph58">[2]FleetHistory!$AA$58:$AC$58</definedName>
    <definedName name="Graph59">[2]FleetHistory!$AA$59:$AC$59</definedName>
    <definedName name="Graph6" localSheetId="1">#REF!</definedName>
    <definedName name="Graph6">#REF!</definedName>
    <definedName name="Graph60">[2]FleetHistory!$AA$60:$AC$60</definedName>
    <definedName name="Graph61">[2]FleetHistory!$AA$61:$AC$61</definedName>
    <definedName name="Graph62">[2]FleetHistory!$AA$62:$AC$62</definedName>
    <definedName name="Graph63">[2]FleetHistory!$AA$63:$AC$63</definedName>
    <definedName name="Graph64">[2]FleetHistory!$AA$64:$AC$64</definedName>
    <definedName name="Graph65">[2]FleetHistory!$AA$65:$AC$65</definedName>
    <definedName name="Graph66">[2]FleetHistory!$AA$66:$AC$66</definedName>
    <definedName name="Graph67">[2]FleetHistory!$AA$67:$AC$67</definedName>
    <definedName name="Graph68">[2]FleetHistory!$AA$68:$AC$68</definedName>
    <definedName name="Graph69">[2]FleetHistory!$AA$69:$AC$69</definedName>
    <definedName name="Graph7" localSheetId="1">#REF!</definedName>
    <definedName name="Graph7">#REF!</definedName>
    <definedName name="Graph70">[2]FleetHistory!$AA$70:$AC$70</definedName>
    <definedName name="Graph71">[2]FleetHistory!$AA$71:$AC$71</definedName>
    <definedName name="Graph72">[2]FleetHistory!$AA$72:$AC$72</definedName>
    <definedName name="Graph73">[2]FleetHistory!$AA$73:$AC$73</definedName>
    <definedName name="Graph74">[2]FleetHistory!$AA$74:$AC$74</definedName>
    <definedName name="Graph75">[2]FleetHistory!$AA$75:$AC$75</definedName>
    <definedName name="Graph76">[2]FleetHistory!$AA$76:$AC$76</definedName>
    <definedName name="Graph77">[2]FleetHistory!$AA$77:$AC$77</definedName>
    <definedName name="Graph78">[2]FleetHistory!$AA$78:$AC$78</definedName>
    <definedName name="Graph79">[2]FleetHistory!$AA$79:$AC$79</definedName>
    <definedName name="Graph8" localSheetId="1">#REF!</definedName>
    <definedName name="Graph8">#REF!</definedName>
    <definedName name="Graph80">[2]FleetHistory!$AA$80:$AC$80</definedName>
    <definedName name="Graph81">[2]FleetHistory!$AA$81:$AC$81</definedName>
    <definedName name="Graph82">[2]FleetHistory!$AA$82:$AC$82</definedName>
    <definedName name="Graph83">[2]FleetHistory!$AA$83:$AC$83</definedName>
    <definedName name="Graph84">[2]FleetHistory!$AA$84:$AC$84</definedName>
    <definedName name="Graph9" localSheetId="1">#REF!</definedName>
    <definedName name="Graph9">#REF!</definedName>
    <definedName name="GraphIN">[1]FleetAnalysisData!$O$56:$O$422</definedName>
    <definedName name="LRcomList" localSheetId="1">#REF!</definedName>
    <definedName name="LRcomList">#REF!</definedName>
    <definedName name="MainTable" localSheetId="1">#REF!</definedName>
    <definedName name="MainTable">#REF!</definedName>
    <definedName name="MaxCommitDateIN">[1]VesselAnalysis!$K$11</definedName>
    <definedName name="MaxCommitDateOUT">[1]VesselAnalysis!$K$15</definedName>
    <definedName name="MinCommitDateIN">[1]VesselAnalysis!$K$9</definedName>
    <definedName name="MinCommitDateOUT">[1]VesselAnalysis!$K$13</definedName>
    <definedName name="New_Activity" localSheetId="1">#REF!</definedName>
    <definedName name="New_Activity">#REF!</definedName>
    <definedName name="NordenStakes" localSheetId="1">#REF!</definedName>
    <definedName name="NordenStakes">#REF!</definedName>
    <definedName name="nordenstakesSkalFlyttes">[3]CommitmentList!$AD$21:$AE$27</definedName>
    <definedName name="Quantity" localSheetId="1">#REF!</definedName>
    <definedName name="Quantity">#REF!</definedName>
    <definedName name="rmData" localSheetId="1">#REF!</definedName>
    <definedName name="rmData">#REF!</definedName>
    <definedName name="rmData2" localSheetId="1">#REF!</definedName>
    <definedName name="rmData2">#REF!</definedName>
    <definedName name="Segments" localSheetId="1">#REF!</definedName>
    <definedName name="Segments">#REF!</definedName>
    <definedName name="StartDate" localSheetId="1">#REF!</definedName>
    <definedName name="StartDate">#REF!</definedName>
    <definedName name="TerminationDate" localSheetId="1">#REF!</definedName>
    <definedName name="TerminationDate">#REF!</definedName>
    <definedName name="TimeSlice" localSheetId="1">#REF!</definedName>
    <definedName name="TimeSlice">#REF!</definedName>
    <definedName name="Transaction_types" localSheetId="1">#REF!</definedName>
    <definedName name="Transaction_types">#REF!</definedName>
    <definedName name="transactiontypes" localSheetId="1">#REF!</definedName>
    <definedName name="transactiontypes">#REF!</definedName>
    <definedName name="Trransactiontypes" localSheetId="1">#REF!</definedName>
    <definedName name="Trransactiontypes">#REF!</definedName>
    <definedName name="VesselList" localSheetId="1">#REF!</definedName>
    <definedName name="VesselList">#REF!</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E33" i="8" l="1"/>
  <c r="D33" i="8"/>
  <c r="C33" i="8"/>
  <c r="E32" i="8"/>
  <c r="D32" i="8"/>
  <c r="C32" i="8"/>
  <c r="E31" i="8"/>
  <c r="D31" i="8"/>
  <c r="C31" i="8"/>
  <c r="E30" i="8"/>
  <c r="D30" i="8"/>
  <c r="C30" i="8"/>
  <c r="H27" i="8"/>
  <c r="G27" i="8"/>
  <c r="E27" i="8"/>
  <c r="D27" i="8"/>
  <c r="C27" i="8"/>
  <c r="F27" i="8" s="1"/>
  <c r="C20" i="8"/>
  <c r="H18" i="8"/>
  <c r="E18" i="8"/>
  <c r="D18" i="8"/>
  <c r="G18" i="8" s="1"/>
  <c r="C18" i="8"/>
  <c r="F18" i="8" s="1"/>
  <c r="E11" i="8"/>
  <c r="E20" i="8" s="1"/>
  <c r="D11" i="8"/>
  <c r="D20" i="8" s="1"/>
  <c r="C11" i="8"/>
  <c r="H4" i="8"/>
  <c r="G4" i="8"/>
  <c r="D4" i="8"/>
  <c r="E4" i="8" s="1"/>
  <c r="E37" i="7"/>
  <c r="D37" i="7"/>
  <c r="C37" i="7"/>
  <c r="E36" i="7"/>
  <c r="D36" i="7"/>
  <c r="C36" i="7"/>
  <c r="F33" i="7"/>
  <c r="E33" i="7"/>
  <c r="H33" i="7" s="1"/>
  <c r="D33" i="7"/>
  <c r="D38" i="7" s="1"/>
  <c r="C33" i="7"/>
  <c r="D28" i="7"/>
  <c r="G26" i="7"/>
  <c r="E26" i="7"/>
  <c r="H26" i="7" s="1"/>
  <c r="D26" i="7"/>
  <c r="C26" i="7"/>
  <c r="F26" i="7" s="1"/>
  <c r="E21" i="7"/>
  <c r="E28" i="7" s="1"/>
  <c r="E38" i="7" s="1"/>
  <c r="D21" i="7"/>
  <c r="C21" i="7"/>
  <c r="C28" i="7" s="1"/>
  <c r="C38" i="7" s="1"/>
  <c r="H16" i="7"/>
  <c r="G16" i="7"/>
  <c r="E37" i="6"/>
  <c r="D37" i="6"/>
  <c r="C37" i="6"/>
  <c r="E36" i="6"/>
  <c r="D36" i="6"/>
  <c r="C36" i="6"/>
  <c r="F33" i="6"/>
  <c r="E33" i="6"/>
  <c r="D33" i="6"/>
  <c r="G33" i="6" s="1"/>
  <c r="C33" i="6"/>
  <c r="C38" i="6" s="1"/>
  <c r="C28" i="6"/>
  <c r="G26" i="6"/>
  <c r="F26" i="6"/>
  <c r="E26" i="6"/>
  <c r="H26" i="6" s="1"/>
  <c r="D26" i="6"/>
  <c r="C26" i="6"/>
  <c r="E21" i="6"/>
  <c r="E28" i="6" s="1"/>
  <c r="D21" i="6"/>
  <c r="D28" i="6" s="1"/>
  <c r="C21" i="6"/>
  <c r="G16" i="6"/>
  <c r="H16" i="6" s="1"/>
  <c r="E33" i="5"/>
  <c r="D33" i="5"/>
  <c r="C33" i="5"/>
  <c r="E32" i="5"/>
  <c r="D32" i="5"/>
  <c r="C32" i="5"/>
  <c r="E31" i="5"/>
  <c r="D31" i="5"/>
  <c r="C31" i="5"/>
  <c r="E30" i="5"/>
  <c r="D30" i="5"/>
  <c r="C30" i="5"/>
  <c r="G27" i="5"/>
  <c r="F27" i="5"/>
  <c r="E27" i="5"/>
  <c r="E34" i="5" s="1"/>
  <c r="D27" i="5"/>
  <c r="C27" i="5"/>
  <c r="E20" i="5"/>
  <c r="H18" i="5"/>
  <c r="G18" i="5"/>
  <c r="F18" i="5"/>
  <c r="E18" i="5"/>
  <c r="D18" i="5"/>
  <c r="C18" i="5"/>
  <c r="E11" i="5"/>
  <c r="D11" i="5"/>
  <c r="D20" i="5" s="1"/>
  <c r="D34" i="5" s="1"/>
  <c r="C11" i="5"/>
  <c r="C20" i="5" s="1"/>
  <c r="C34" i="5" s="1"/>
  <c r="G4" i="5"/>
  <c r="H4" i="5" s="1"/>
  <c r="D4" i="5"/>
  <c r="E4" i="5" s="1"/>
  <c r="E34" i="8" l="1"/>
  <c r="D34" i="8"/>
  <c r="C34" i="8"/>
  <c r="G33" i="7"/>
  <c r="E38" i="6"/>
  <c r="H33" i="6"/>
  <c r="D38" i="6"/>
  <c r="H27" i="5"/>
  <c r="I54" i="4" l="1"/>
  <c r="F54" i="4"/>
  <c r="I53" i="4"/>
  <c r="F53" i="4"/>
  <c r="I52" i="4"/>
  <c r="F52" i="4"/>
  <c r="I51" i="4"/>
  <c r="F51" i="4"/>
  <c r="I50" i="4"/>
  <c r="F50" i="4"/>
  <c r="I49" i="4"/>
  <c r="F49" i="4"/>
  <c r="I48" i="4"/>
  <c r="F48" i="4"/>
  <c r="I47" i="4"/>
  <c r="F47" i="4"/>
  <c r="I46" i="4"/>
  <c r="F46" i="4"/>
  <c r="I45" i="4"/>
  <c r="F45" i="4"/>
  <c r="I44" i="4"/>
  <c r="F44" i="4"/>
  <c r="I43" i="4"/>
  <c r="F43" i="4"/>
  <c r="I42" i="4"/>
  <c r="F42" i="4"/>
  <c r="I41" i="4"/>
  <c r="F41" i="4"/>
  <c r="I40" i="4"/>
  <c r="F40" i="4"/>
  <c r="E33" i="4"/>
  <c r="D33" i="4"/>
  <c r="G33" i="4" s="1"/>
  <c r="G34" i="4" s="1"/>
  <c r="G35" i="4" s="1"/>
  <c r="AJ29" i="4"/>
  <c r="AG29" i="4"/>
  <c r="AA29" i="4"/>
  <c r="X29" i="4"/>
  <c r="R29" i="4"/>
  <c r="O29" i="4"/>
  <c r="I29" i="4"/>
  <c r="AJ28" i="4"/>
  <c r="AG28" i="4"/>
  <c r="AA28" i="4"/>
  <c r="X28" i="4"/>
  <c r="R28" i="4"/>
  <c r="O28" i="4"/>
  <c r="I28" i="4"/>
  <c r="AJ27" i="4"/>
  <c r="AG27" i="4"/>
  <c r="AA27" i="4"/>
  <c r="X27" i="4"/>
  <c r="R27" i="4"/>
  <c r="O27" i="4"/>
  <c r="I27" i="4"/>
  <c r="AJ26" i="4"/>
  <c r="AG26" i="4"/>
  <c r="AA26" i="4"/>
  <c r="X26" i="4"/>
  <c r="R26" i="4"/>
  <c r="O26" i="4"/>
  <c r="I26" i="4"/>
  <c r="AJ25" i="4"/>
  <c r="AG25" i="4"/>
  <c r="AA25" i="4"/>
  <c r="X25" i="4"/>
  <c r="R25" i="4"/>
  <c r="O25" i="4"/>
  <c r="I25" i="4"/>
  <c r="AJ24" i="4"/>
  <c r="AG24" i="4"/>
  <c r="AA24" i="4"/>
  <c r="X24" i="4"/>
  <c r="R24" i="4"/>
  <c r="O24" i="4"/>
  <c r="I24" i="4"/>
  <c r="F24" i="4"/>
  <c r="AJ23" i="4"/>
  <c r="AG23" i="4"/>
  <c r="AA23" i="4"/>
  <c r="X23" i="4"/>
  <c r="R23" i="4"/>
  <c r="O23" i="4"/>
  <c r="I23" i="4"/>
  <c r="F23" i="4"/>
  <c r="AJ22" i="4"/>
  <c r="AG22" i="4"/>
  <c r="AA22" i="4"/>
  <c r="X22" i="4"/>
  <c r="R22" i="4"/>
  <c r="O22" i="4"/>
  <c r="I22" i="4"/>
  <c r="F22" i="4"/>
  <c r="B22" i="4"/>
  <c r="AJ21" i="4"/>
  <c r="AG21" i="4"/>
  <c r="AA21" i="4"/>
  <c r="X21" i="4"/>
  <c r="R21" i="4"/>
  <c r="O21" i="4"/>
  <c r="I21" i="4"/>
  <c r="F21" i="4"/>
  <c r="AJ20" i="4"/>
  <c r="AG20" i="4"/>
  <c r="AA20" i="4"/>
  <c r="X20" i="4"/>
  <c r="R20" i="4"/>
  <c r="O20" i="4"/>
  <c r="I20" i="4"/>
  <c r="F20" i="4"/>
  <c r="AJ19" i="4"/>
  <c r="AG19" i="4"/>
  <c r="AA19" i="4"/>
  <c r="X19" i="4"/>
  <c r="R19" i="4"/>
  <c r="O19" i="4"/>
  <c r="I19" i="4"/>
  <c r="F19" i="4"/>
  <c r="AJ18" i="4"/>
  <c r="AG18" i="4"/>
  <c r="AA18" i="4"/>
  <c r="X18" i="4"/>
  <c r="R18" i="4"/>
  <c r="O18" i="4"/>
  <c r="I18" i="4"/>
  <c r="F18" i="4"/>
  <c r="AJ17" i="4"/>
  <c r="AG17" i="4"/>
  <c r="AA17" i="4"/>
  <c r="X17" i="4"/>
  <c r="R17" i="4"/>
  <c r="O17" i="4"/>
  <c r="I17" i="4"/>
  <c r="F17" i="4"/>
  <c r="AJ16" i="4"/>
  <c r="AG16" i="4"/>
  <c r="AA16" i="4"/>
  <c r="X16" i="4"/>
  <c r="R16" i="4"/>
  <c r="O16" i="4"/>
  <c r="I16" i="4"/>
  <c r="F16" i="4"/>
  <c r="AJ15" i="4"/>
  <c r="AG15" i="4"/>
  <c r="AA15" i="4"/>
  <c r="X15" i="4"/>
  <c r="R15" i="4"/>
  <c r="O15" i="4"/>
  <c r="I15" i="4"/>
  <c r="F15" i="4"/>
  <c r="E8" i="4"/>
  <c r="G8" i="4" s="1"/>
  <c r="D8" i="4"/>
  <c r="G7" i="4"/>
  <c r="E7" i="4"/>
  <c r="D7" i="4"/>
  <c r="E6" i="4"/>
  <c r="D6" i="4"/>
  <c r="G6" i="4" s="1"/>
  <c r="E5" i="4"/>
  <c r="D5" i="4"/>
  <c r="G5" i="4" s="1"/>
  <c r="G9" i="4" l="1"/>
  <c r="G10" i="4" s="1"/>
  <c r="B23" i="4"/>
  <c r="B24" i="4" l="1"/>
  <c r="B25" i="4" s="1"/>
  <c r="B26" i="4" s="1"/>
  <c r="B27" i="4" s="1"/>
  <c r="B28" i="4" s="1"/>
  <c r="B29" i="4" s="1"/>
  <c r="L15" i="4" l="1" a="1"/>
  <c r="L15" i="4" s="1"/>
  <c r="B40" i="4" a="1"/>
  <c r="B40" i="4" s="1"/>
  <c r="U15" i="4" a="1"/>
  <c r="U15" i="4" s="1"/>
  <c r="AD15" i="4" s="1" a="1"/>
  <c r="AD15" i="4" s="1"/>
  <c r="L17" i="3" l="1"/>
  <c r="K17" i="3"/>
  <c r="L16" i="3"/>
  <c r="K16" i="3"/>
  <c r="L15" i="3"/>
  <c r="K15" i="3"/>
  <c r="L13" i="3"/>
  <c r="K13" i="3"/>
  <c r="L12" i="3"/>
  <c r="K12" i="3"/>
  <c r="L11" i="3"/>
  <c r="K11" i="3"/>
  <c r="L10" i="3"/>
  <c r="L19" i="3" s="1"/>
  <c r="K10" i="3"/>
  <c r="K19" i="3" s="1"/>
</calcChain>
</file>

<file path=xl/metadata.xml><?xml version="1.0" encoding="utf-8"?>
<metadata xmlns="http://schemas.openxmlformats.org/spreadsheetml/2006/main" xmlns:xda="http://schemas.microsoft.com/office/spreadsheetml/2017/dynamicarray">
  <metadataTypes count="1">
    <metadataType name="XLDAPR" minSupportedVersion="120000" copy="1" pasteAll="1" pasteValues="1" merge="1" splitFirst="1" rowColShift="1" clearFormats="1" clearComments="1" assign="1" coerce="1" cellMeta="1"/>
  </metadataTypes>
  <futureMetadata name="XLDAPR" count="1">
    <bk>
      <extLst>
        <ext uri="{bdbb8cdc-fa1e-496e-a857-3c3f30c029c3}">
          <xda:dynamicArrayProperties fDynamic="1" fCollapsed="0"/>
        </ext>
      </extLst>
    </bk>
  </futureMetadata>
  <cellMetadata count="1">
    <bk>
      <rc t="1" v="0"/>
    </bk>
  </cellMetadata>
</metadata>
</file>

<file path=xl/sharedStrings.xml><?xml version="1.0" encoding="utf-8"?>
<sst xmlns="http://schemas.openxmlformats.org/spreadsheetml/2006/main" count="817" uniqueCount="198">
  <si>
    <r>
      <t>Table of content</t>
    </r>
    <r>
      <rPr>
        <sz val="12"/>
        <color rgb="FFFFFFFF"/>
        <rFont val="Avenir Next LT Pro"/>
        <family val="2"/>
      </rPr>
      <t xml:space="preserve"> (Click on below links to jump to the sheet)</t>
    </r>
  </si>
  <si>
    <t>Capacity coverage</t>
  </si>
  <si>
    <t>Dry Cargo Table Q1 2023</t>
  </si>
  <si>
    <t>Tanker Table Q1 2023</t>
  </si>
  <si>
    <t>Dry Cargo Table Q2 2023</t>
  </si>
  <si>
    <t>Tanker Table Q2 2023</t>
  </si>
  <si>
    <t>Dampskibsselskabet Norden</t>
  </si>
  <si>
    <t>Vessels in Operation</t>
  </si>
  <si>
    <t>Division</t>
  </si>
  <si>
    <t>Vessel type</t>
  </si>
  <si>
    <t>Name</t>
  </si>
  <si>
    <t>DWT</t>
  </si>
  <si>
    <t>Year built</t>
  </si>
  <si>
    <t>Share of earnings (Pct)</t>
  </si>
  <si>
    <t>Scrubber installed</t>
  </si>
  <si>
    <t>Owned vessels</t>
  </si>
  <si>
    <t>Dry Owner</t>
  </si>
  <si>
    <t>PANAMAX</t>
  </si>
  <si>
    <t>NORD AURORA</t>
  </si>
  <si>
    <t>No</t>
  </si>
  <si>
    <t>NORD BELUGA</t>
  </si>
  <si>
    <t>Yes</t>
  </si>
  <si>
    <t>Vessels in operation</t>
  </si>
  <si>
    <t>Vessels to be delivered</t>
  </si>
  <si>
    <t>NORD PENGUIN</t>
  </si>
  <si>
    <t>SUPRAMAX</t>
  </si>
  <si>
    <t>NORD AMAZON</t>
  </si>
  <si>
    <t>DRY</t>
  </si>
  <si>
    <t>NORD EVEREST</t>
  </si>
  <si>
    <t>Capesize</t>
  </si>
  <si>
    <t>CAPESIZE</t>
  </si>
  <si>
    <t>NORD FERRUM</t>
  </si>
  <si>
    <t>Panamax</t>
  </si>
  <si>
    <t>NORD ENERGY</t>
  </si>
  <si>
    <t>Supramax</t>
  </si>
  <si>
    <t>NORD POWER</t>
  </si>
  <si>
    <t>Handysize</t>
  </si>
  <si>
    <t>Tankers</t>
  </si>
  <si>
    <t>MR</t>
  </si>
  <si>
    <t>NORD GOODWILL</t>
  </si>
  <si>
    <t>TANK</t>
  </si>
  <si>
    <t>ECO LOS ANGELES</t>
  </si>
  <si>
    <t>NORD VOLANTE</t>
  </si>
  <si>
    <t>Handysize T</t>
  </si>
  <si>
    <t>JAMES COOK</t>
  </si>
  <si>
    <t>Panamax T</t>
  </si>
  <si>
    <t>NORD STEADY</t>
  </si>
  <si>
    <t>NORD HIMALAYA</t>
  </si>
  <si>
    <t>Total</t>
  </si>
  <si>
    <t>ECO CITY OF LOS ANGELES</t>
  </si>
  <si>
    <t>NORD SWIFT</t>
  </si>
  <si>
    <t>NORD SUSTAINABLE</t>
  </si>
  <si>
    <t>NORD SUPERIOR</t>
  </si>
  <si>
    <t>NORD SUPREME</t>
  </si>
  <si>
    <t>Time-Chartered in</t>
  </si>
  <si>
    <t>NORD DRACO</t>
  </si>
  <si>
    <t>NORD AQUARIUS</t>
  </si>
  <si>
    <t>NORD SUN</t>
  </si>
  <si>
    <t>NORD ANDROMEDA</t>
  </si>
  <si>
    <t>NORD ANTARES</t>
  </si>
  <si>
    <t>NORD CAPELLA</t>
  </si>
  <si>
    <t>NORD PLUTO</t>
  </si>
  <si>
    <t>SENTOSA SPIRIT</t>
  </si>
  <si>
    <t>NORD ARIES</t>
  </si>
  <si>
    <t>NORD AURIGA</t>
  </si>
  <si>
    <t>NORD CRUX</t>
  </si>
  <si>
    <t>NORD POLARIS</t>
  </si>
  <si>
    <t>NORD TAURUS</t>
  </si>
  <si>
    <t>SENTOSA CHALLENGER</t>
  </si>
  <si>
    <t>NORD HYDRA</t>
  </si>
  <si>
    <t>NORD MAMORE</t>
  </si>
  <si>
    <t>NORD AEGEAN</t>
  </si>
  <si>
    <t>NORD MADEIRA</t>
  </si>
  <si>
    <t>NORD MAGELLAN</t>
  </si>
  <si>
    <t>NORD SOUND</t>
  </si>
  <si>
    <t>NORD SUNDA</t>
  </si>
  <si>
    <t>NORD AGANO</t>
  </si>
  <si>
    <t>CLOVER</t>
  </si>
  <si>
    <t>NORD ALLEGRO</t>
  </si>
  <si>
    <t>NORD ADRIATIC</t>
  </si>
  <si>
    <t>NORD PACIFIC</t>
  </si>
  <si>
    <t>NORD ANTHEM</t>
  </si>
  <si>
    <t>NORD BOSPORUS</t>
  </si>
  <si>
    <t>NORD CHESAPEAKE</t>
  </si>
  <si>
    <t>INDIGO BREEZE</t>
  </si>
  <si>
    <t>NORD COPPER</t>
  </si>
  <si>
    <t>NORD KANMON</t>
  </si>
  <si>
    <t>NORD KITAN</t>
  </si>
  <si>
    <t>NORD SEAL</t>
  </si>
  <si>
    <t>NORD TREASURE</t>
  </si>
  <si>
    <t>HANDYSIZE</t>
  </si>
  <si>
    <t>NORD SINGAPORE</t>
  </si>
  <si>
    <t>NORD SANTOS</t>
  </si>
  <si>
    <t>NORD TOKYO</t>
  </si>
  <si>
    <t>NORD RIO</t>
  </si>
  <si>
    <t>NORD ABIDJAN</t>
  </si>
  <si>
    <t>NORD MELBOURNE</t>
  </si>
  <si>
    <t>OCEAN CROWN</t>
  </si>
  <si>
    <t>NORD DUBAI</t>
  </si>
  <si>
    <t>NORD VANCOUVER</t>
  </si>
  <si>
    <t>NORD SAVANNAH</t>
  </si>
  <si>
    <t>PRIME STAR</t>
  </si>
  <si>
    <t>NORD MINAMI</t>
  </si>
  <si>
    <t>NORD MIYAKO</t>
  </si>
  <si>
    <t>NORD MIYABI</t>
  </si>
  <si>
    <t>NORD VALOROUS</t>
  </si>
  <si>
    <t>NORD VANTAGE</t>
  </si>
  <si>
    <t>NORD HARMONY</t>
  </si>
  <si>
    <t>NORD ELEGANCE</t>
  </si>
  <si>
    <t>NORD VANQUISH</t>
  </si>
  <si>
    <t>NORD VANGUARD</t>
  </si>
  <si>
    <t>NORD MASTER</t>
  </si>
  <si>
    <t>NORD MARINER</t>
  </si>
  <si>
    <t>NORD VALKYRIE</t>
  </si>
  <si>
    <t>NORD VENTURA</t>
  </si>
  <si>
    <t>NORD VISION</t>
  </si>
  <si>
    <t>NORD VIRAGE</t>
  </si>
  <si>
    <t>NORD MAJESTIC</t>
  </si>
  <si>
    <t>NORD OCEANIA</t>
  </si>
  <si>
    <t>NORD MIRAI</t>
  </si>
  <si>
    <t>NORD OLYMPIA</t>
  </si>
  <si>
    <t>NORD VICTORIOUS</t>
  </si>
  <si>
    <t>BUNGO CROWN</t>
  </si>
  <si>
    <t>NORD JEWEL</t>
  </si>
  <si>
    <t>NORD JOY</t>
  </si>
  <si>
    <t>NORD MAGNES</t>
  </si>
  <si>
    <t>2011</t>
  </si>
  <si>
    <t>NORD DACKS DE157</t>
  </si>
  <si>
    <t>NORD DACKS DE158</t>
  </si>
  <si>
    <t>NORD DACKS DE159</t>
  </si>
  <si>
    <t>NORD DACKS DE160</t>
  </si>
  <si>
    <t>NORD DACKS DE163</t>
  </si>
  <si>
    <t>NORD DACKS DE164</t>
  </si>
  <si>
    <t>NORD ACE</t>
  </si>
  <si>
    <t>NORD TBN TESS88 I</t>
  </si>
  <si>
    <t>NORD TBN TESS88 II</t>
  </si>
  <si>
    <t>NORD TBN OSHIMA87</t>
  </si>
  <si>
    <t>2025</t>
  </si>
  <si>
    <t>NORD TBN SKDS64</t>
  </si>
  <si>
    <t>NORD TBN OSHIMA64</t>
  </si>
  <si>
    <t>NORD TOPAZ</t>
  </si>
  <si>
    <t>NORD NORFOLK</t>
  </si>
  <si>
    <t>NORD NEWPORT</t>
  </si>
  <si>
    <t>NORD BREMEN</t>
  </si>
  <si>
    <t>NORD TBN NSY40BC</t>
  </si>
  <si>
    <t>INLAND SEA</t>
  </si>
  <si>
    <t>37,543</t>
  </si>
  <si>
    <t>2014</t>
  </si>
  <si>
    <t>NORD VICTOR</t>
  </si>
  <si>
    <t>2024</t>
  </si>
  <si>
    <t>NORD VIGNALE</t>
  </si>
  <si>
    <t>NORD VULCAN</t>
  </si>
  <si>
    <t>NORD VALHALLA</t>
  </si>
  <si>
    <t>NORD TBN HVS V</t>
  </si>
  <si>
    <t>NORD TBN HMD I</t>
  </si>
  <si>
    <t>Valuation of Asset Management Timecharter-in and Coverage Portfolio (excluding owned vessels)</t>
  </si>
  <si>
    <t>Million USD</t>
  </si>
  <si>
    <t>Vessel index</t>
  </si>
  <si>
    <t>Capacity value</t>
  </si>
  <si>
    <t>Cover value</t>
  </si>
  <si>
    <t>Net value</t>
  </si>
  <si>
    <t>Discount rate</t>
  </si>
  <si>
    <t>Brokerage commission</t>
  </si>
  <si>
    <t>Dry (USD million)</t>
  </si>
  <si>
    <t>USD per Share</t>
  </si>
  <si>
    <t xml:space="preserve">TC-in Capacity </t>
  </si>
  <si>
    <t>Cost of Capacity</t>
  </si>
  <si>
    <t xml:space="preserve">Cover </t>
  </si>
  <si>
    <t>Cover Rates</t>
  </si>
  <si>
    <t>Rate Expectation</t>
  </si>
  <si>
    <t>Year</t>
  </si>
  <si>
    <t>Days</t>
  </si>
  <si>
    <t>USD/day</t>
  </si>
  <si>
    <t>Q3 2023</t>
  </si>
  <si>
    <t>Q4 2023</t>
  </si>
  <si>
    <t>Q1 2024</t>
  </si>
  <si>
    <t>Q2 2024</t>
  </si>
  <si>
    <t>Q3 2024</t>
  </si>
  <si>
    <t>Q4 2024</t>
  </si>
  <si>
    <t>Tankers (USD million)</t>
  </si>
  <si>
    <t>Valuation of TC fleet and cover end Q2 2023</t>
  </si>
  <si>
    <t>Fleet end Q2 2023</t>
  </si>
  <si>
    <t>Capacity and coverage in cash USD,  Asset &amp; Logistics - Dry Cargo, at 30 June 2023</t>
  </si>
  <si>
    <t>Own vessels</t>
  </si>
  <si>
    <t>Vessel days</t>
  </si>
  <si>
    <t>Chartered vessels</t>
  </si>
  <si>
    <t>Average cost of capacity per day (USD)</t>
  </si>
  <si>
    <t>Total capacity</t>
  </si>
  <si>
    <t>Coverage</t>
  </si>
  <si>
    <t>Average cover rate per day (USD)</t>
  </si>
  <si>
    <t>Coverage in %</t>
  </si>
  <si>
    <t>Costs are excluding O/A. For segments which are operated in a pool the TCE is after management fee. All days include JVs.
Cash standardized to Baltic exchange benchmark vessels.</t>
  </si>
  <si>
    <t>T/C Capacity</t>
  </si>
  <si>
    <t>Capacity and coverage in cash USD, Asset &amp; Logistics - Tankers, at 30 June 2023</t>
  </si>
  <si>
    <t>Costs are excluding O/A. For segments which are operated in a pool the TCE is after management fee. 
Cash standardized to Baltic exchange benchmark vessels.</t>
  </si>
  <si>
    <t>Capacity and coverage in cash USD, Asset &amp; Logistics - Tankers, at 31 March 2023</t>
  </si>
  <si>
    <t>Capacity and coverage in cash USD,  Asset &amp; Logistics - Dry Cargo, at 31 March 2023</t>
  </si>
  <si>
    <t xml:space="preserve">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12">
    <numFmt numFmtId="43" formatCode="_-* #,##0.00_-;\-* #,##0.00_-;_-* &quot;-&quot;??_-;_-@_-"/>
    <numFmt numFmtId="164" formatCode="#,##0.0"/>
    <numFmt numFmtId="165" formatCode="_ * #,##0.00_ ;_ * \-#,##0.00_ ;_ * &quot;-&quot;??_ ;_ @_ "/>
    <numFmt numFmtId="166" formatCode="_ * #,##0_ ;_ * \-#,##0_ ;_ * &quot;-&quot;??_ ;_ @_ "/>
    <numFmt numFmtId="167" formatCode="0.0"/>
    <numFmt numFmtId="168" formatCode="#.00,,"/>
    <numFmt numFmtId="169" formatCode="#,,"/>
    <numFmt numFmtId="170" formatCode="_ &quot;kr.&quot;\ * #,##0.00_ ;_ &quot;kr.&quot;\ * \-#,##0.00_ ;_ &quot;kr.&quot;\ * &quot;-&quot;??_ ;_ @_ "/>
    <numFmt numFmtId="171" formatCode="0.0000"/>
    <numFmt numFmtId="172" formatCode="[$-409]#.000,"/>
    <numFmt numFmtId="173" formatCode="mmmm"/>
    <numFmt numFmtId="174" formatCode="_-* #,##0_-;\-* #,##0_-;_-* &quot;-&quot;??_-;_-@_-"/>
  </numFmts>
  <fonts count="36" x14ac:knownFonts="1">
    <font>
      <sz val="11"/>
      <color theme="1"/>
      <name val="Calibri"/>
      <family val="2"/>
      <scheme val="minor"/>
    </font>
    <font>
      <sz val="11"/>
      <color theme="1"/>
      <name val="Calibri"/>
      <family val="2"/>
      <scheme val="minor"/>
    </font>
    <font>
      <b/>
      <sz val="11"/>
      <color theme="0"/>
      <name val="Calibri"/>
      <family val="2"/>
      <scheme val="minor"/>
    </font>
    <font>
      <b/>
      <sz val="11"/>
      <color theme="1"/>
      <name val="Calibri"/>
      <family val="2"/>
      <scheme val="minor"/>
    </font>
    <font>
      <sz val="11"/>
      <color theme="0"/>
      <name val="Calibri"/>
      <family val="2"/>
      <scheme val="minor"/>
    </font>
    <font>
      <u/>
      <sz val="11"/>
      <color theme="10"/>
      <name val="Calibri"/>
      <family val="2"/>
      <scheme val="minor"/>
    </font>
    <font>
      <b/>
      <sz val="12"/>
      <color rgb="FFFFFFFF"/>
      <name val="Avenir Next LT Pro"/>
      <family val="2"/>
    </font>
    <font>
      <sz val="12"/>
      <color rgb="FFFFFFFF"/>
      <name val="Avenir Next LT Pro"/>
      <family val="2"/>
    </font>
    <font>
      <b/>
      <sz val="12"/>
      <color rgb="FF000000"/>
      <name val="Avenir Next LT Pro"/>
      <family val="2"/>
    </font>
    <font>
      <b/>
      <sz val="12"/>
      <name val="Avenir Next LT Pro"/>
      <family val="2"/>
    </font>
    <font>
      <sz val="12"/>
      <color rgb="FF000000"/>
      <name val="Avenir Next LT Pro"/>
      <family val="2"/>
    </font>
    <font>
      <sz val="8"/>
      <name val="Arial"/>
      <family val="2"/>
    </font>
    <font>
      <sz val="9"/>
      <name val="Calibri"/>
      <family val="2"/>
      <scheme val="minor"/>
    </font>
    <font>
      <sz val="9"/>
      <color rgb="FFFF0000"/>
      <name val="Calibri"/>
      <family val="2"/>
      <scheme val="minor"/>
    </font>
    <font>
      <b/>
      <sz val="11"/>
      <name val="Calibri"/>
      <family val="2"/>
      <scheme val="minor"/>
    </font>
    <font>
      <b/>
      <sz val="9"/>
      <color theme="1"/>
      <name val="Calibri"/>
      <family val="2"/>
      <scheme val="minor"/>
    </font>
    <font>
      <b/>
      <sz val="9"/>
      <name val="Calibri"/>
      <family val="2"/>
      <scheme val="minor"/>
    </font>
    <font>
      <b/>
      <u/>
      <sz val="9"/>
      <name val="Calibri"/>
      <family val="2"/>
      <scheme val="minor"/>
    </font>
    <font>
      <b/>
      <u/>
      <sz val="11"/>
      <color theme="10"/>
      <name val="Avenir Next LT Pro"/>
      <family val="2"/>
    </font>
    <font>
      <b/>
      <sz val="20"/>
      <color theme="1"/>
      <name val="Calibri"/>
      <family val="2"/>
      <scheme val="minor"/>
    </font>
    <font>
      <sz val="10"/>
      <name val="Tahoma"/>
      <family val="2"/>
    </font>
    <font>
      <sz val="11"/>
      <name val="Calibri"/>
      <family val="2"/>
      <scheme val="minor"/>
    </font>
    <font>
      <sz val="11"/>
      <color theme="3"/>
      <name val="Calibri"/>
      <family val="2"/>
      <scheme val="minor"/>
    </font>
    <font>
      <sz val="8"/>
      <color indexed="8"/>
      <name val="Arial"/>
      <family val="2"/>
    </font>
    <font>
      <sz val="8"/>
      <color indexed="8"/>
      <name val="Verdana"/>
      <family val="2"/>
    </font>
    <font>
      <b/>
      <sz val="10"/>
      <color theme="0"/>
      <name val="Verdana"/>
      <family val="2"/>
    </font>
    <font>
      <sz val="8"/>
      <color theme="0"/>
      <name val="Verdana"/>
      <family val="2"/>
    </font>
    <font>
      <b/>
      <sz val="8"/>
      <color theme="0"/>
      <name val="Verdana"/>
      <family val="2"/>
    </font>
    <font>
      <sz val="8"/>
      <color indexed="56"/>
      <name val="Verdana"/>
      <family val="2"/>
    </font>
    <font>
      <b/>
      <sz val="8"/>
      <name val="Verdana"/>
      <family val="2"/>
    </font>
    <font>
      <sz val="8"/>
      <color indexed="62"/>
      <name val="Verdana"/>
      <family val="2"/>
    </font>
    <font>
      <sz val="8"/>
      <name val="Verdana"/>
      <family val="2"/>
    </font>
    <font>
      <sz val="8"/>
      <color theme="1"/>
      <name val="Verdana"/>
      <family val="2"/>
    </font>
    <font>
      <b/>
      <sz val="8"/>
      <color indexed="8"/>
      <name val="Verdana"/>
      <family val="2"/>
    </font>
    <font>
      <b/>
      <sz val="8"/>
      <color indexed="62"/>
      <name val="Verdana"/>
      <family val="2"/>
    </font>
    <font>
      <sz val="7"/>
      <color indexed="8"/>
      <name val="Verdana"/>
      <family val="2"/>
    </font>
  </fonts>
  <fills count="15">
    <fill>
      <patternFill patternType="none"/>
    </fill>
    <fill>
      <patternFill patternType="gray125"/>
    </fill>
    <fill>
      <patternFill patternType="solid">
        <fgColor rgb="FF44546A"/>
        <bgColor rgb="FF000000"/>
      </patternFill>
    </fill>
    <fill>
      <patternFill patternType="solid">
        <fgColor rgb="FFACB9CA"/>
        <bgColor rgb="FF000000"/>
      </patternFill>
    </fill>
    <fill>
      <patternFill patternType="solid">
        <fgColor theme="3" tint="0.59999389629810485"/>
        <bgColor indexed="64"/>
      </patternFill>
    </fill>
    <fill>
      <patternFill patternType="solid">
        <fgColor rgb="FFD6DCE4"/>
        <bgColor rgb="FF000000"/>
      </patternFill>
    </fill>
    <fill>
      <patternFill patternType="solid">
        <fgColor theme="3" tint="0.79998168889431442"/>
        <bgColor indexed="64"/>
      </patternFill>
    </fill>
    <fill>
      <patternFill patternType="solid">
        <fgColor theme="2" tint="-9.9978637043366805E-2"/>
        <bgColor rgb="FF000000"/>
      </patternFill>
    </fill>
    <fill>
      <patternFill patternType="solid">
        <fgColor theme="2"/>
        <bgColor indexed="64"/>
      </patternFill>
    </fill>
    <fill>
      <patternFill patternType="solid">
        <fgColor theme="7" tint="0.59999389629810485"/>
        <bgColor indexed="64"/>
      </patternFill>
    </fill>
    <fill>
      <patternFill patternType="solid">
        <fgColor theme="0" tint="-0.34998626667073579"/>
        <bgColor indexed="64"/>
      </patternFill>
    </fill>
    <fill>
      <patternFill patternType="solid">
        <fgColor theme="8" tint="0.79998168889431442"/>
        <bgColor indexed="64"/>
      </patternFill>
    </fill>
    <fill>
      <patternFill patternType="solid">
        <fgColor indexed="9"/>
        <bgColor indexed="64"/>
      </patternFill>
    </fill>
    <fill>
      <patternFill patternType="solid">
        <fgColor rgb="FFFFFF00"/>
        <bgColor indexed="64"/>
      </patternFill>
    </fill>
    <fill>
      <patternFill patternType="solid">
        <fgColor theme="2" tint="-9.9978637043366805E-2"/>
        <bgColor indexed="64"/>
      </patternFill>
    </fill>
  </fills>
  <borders count="34">
    <border>
      <left/>
      <right/>
      <top/>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
      <left style="medium">
        <color indexed="64"/>
      </left>
      <right/>
      <top style="medium">
        <color indexed="64"/>
      </top>
      <bottom style="thin">
        <color indexed="64"/>
      </bottom>
      <diagonal/>
    </border>
    <border>
      <left/>
      <right/>
      <top style="medium">
        <color indexed="64"/>
      </top>
      <bottom style="thin">
        <color indexed="64"/>
      </bottom>
      <diagonal/>
    </border>
    <border>
      <left/>
      <right style="medium">
        <color indexed="64"/>
      </right>
      <top style="medium">
        <color indexed="64"/>
      </top>
      <bottom style="thin">
        <color indexed="64"/>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medium">
        <color indexed="64"/>
      </left>
      <right/>
      <top style="thin">
        <color indexed="64"/>
      </top>
      <bottom/>
      <diagonal/>
    </border>
    <border>
      <left/>
      <right/>
      <top style="thin">
        <color indexed="64"/>
      </top>
      <bottom/>
      <diagonal/>
    </border>
    <border>
      <left/>
      <right style="medium">
        <color indexed="64"/>
      </right>
      <top style="thin">
        <color indexed="64"/>
      </top>
      <bottom/>
      <diagonal/>
    </border>
    <border>
      <left style="medium">
        <color indexed="64"/>
      </left>
      <right/>
      <top style="thin">
        <color indexed="64"/>
      </top>
      <bottom style="medium">
        <color indexed="64"/>
      </bottom>
      <diagonal/>
    </border>
    <border>
      <left/>
      <right/>
      <top style="thin">
        <color indexed="64"/>
      </top>
      <bottom style="medium">
        <color indexed="64"/>
      </bottom>
      <diagonal/>
    </border>
    <border>
      <left/>
      <right style="medium">
        <color indexed="64"/>
      </right>
      <top style="thin">
        <color indexed="64"/>
      </top>
      <bottom style="medium">
        <color indexed="64"/>
      </bottom>
      <diagonal/>
    </border>
    <border>
      <left style="thin">
        <color indexed="64"/>
      </left>
      <right/>
      <top style="thin">
        <color indexed="64"/>
      </top>
      <bottom/>
      <diagonal/>
    </border>
    <border>
      <left/>
      <right style="thin">
        <color indexed="64"/>
      </right>
      <top style="thin">
        <color indexed="64"/>
      </top>
      <bottom/>
      <diagonal/>
    </border>
    <border>
      <left style="thin">
        <color indexed="64"/>
      </left>
      <right/>
      <top/>
      <bottom style="thin">
        <color indexed="64"/>
      </bottom>
      <diagonal/>
    </border>
    <border>
      <left/>
      <right/>
      <top/>
      <bottom style="thin">
        <color indexed="64"/>
      </bottom>
      <diagonal/>
    </border>
    <border>
      <left/>
      <right style="thin">
        <color indexed="64"/>
      </right>
      <top/>
      <bottom style="thin">
        <color indexed="64"/>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bottom style="thin">
        <color indexed="64"/>
      </bottom>
      <diagonal/>
    </border>
    <border>
      <left/>
      <right/>
      <top style="thin">
        <color indexed="64"/>
      </top>
      <bottom style="thin">
        <color indexed="64"/>
      </bottom>
      <diagonal/>
    </border>
    <border>
      <left/>
      <right style="thin">
        <color theme="1"/>
      </right>
      <top style="thin">
        <color indexed="64"/>
      </top>
      <bottom style="thin">
        <color indexed="64"/>
      </bottom>
      <diagonal/>
    </border>
    <border>
      <left/>
      <right style="thin">
        <color theme="1"/>
      </right>
      <top/>
      <bottom/>
      <diagonal/>
    </border>
    <border>
      <left/>
      <right style="thin">
        <color theme="1"/>
      </right>
      <top/>
      <bottom style="thin">
        <color indexed="64"/>
      </bottom>
      <diagonal/>
    </border>
    <border>
      <left/>
      <right style="thin">
        <color theme="1"/>
      </right>
      <top style="thin">
        <color indexed="64"/>
      </top>
      <bottom/>
      <diagonal/>
    </border>
    <border>
      <left/>
      <right/>
      <top style="thin">
        <color indexed="64"/>
      </top>
      <bottom style="double">
        <color indexed="64"/>
      </bottom>
      <diagonal/>
    </border>
    <border>
      <left/>
      <right style="thin">
        <color theme="1"/>
      </right>
      <top style="thin">
        <color indexed="64"/>
      </top>
      <bottom style="double">
        <color indexed="64"/>
      </bottom>
      <diagonal/>
    </border>
  </borders>
  <cellStyleXfs count="14">
    <xf numFmtId="0" fontId="0" fillId="0" borderId="0"/>
    <xf numFmtId="43" fontId="1" fillId="0" borderId="0" applyFont="0" applyFill="0" applyBorder="0" applyAlignment="0" applyProtection="0"/>
    <xf numFmtId="9" fontId="1" fillId="0" borderId="0" applyFont="0" applyFill="0" applyBorder="0" applyAlignment="0" applyProtection="0"/>
    <xf numFmtId="0" fontId="5" fillId="0" borderId="0" applyNumberFormat="0" applyFill="0" applyBorder="0" applyAlignment="0" applyProtection="0"/>
    <xf numFmtId="0" fontId="11" fillId="0" borderId="0"/>
    <xf numFmtId="0" fontId="1" fillId="0" borderId="0"/>
    <xf numFmtId="9" fontId="11" fillId="0" borderId="0" applyFont="0" applyFill="0" applyBorder="0" applyAlignment="0" applyProtection="0"/>
    <xf numFmtId="0" fontId="11" fillId="0" borderId="0"/>
    <xf numFmtId="165" fontId="11" fillId="0" borderId="0" applyFont="0" applyFill="0" applyBorder="0" applyAlignment="0" applyProtection="0"/>
    <xf numFmtId="4" fontId="20" fillId="0" borderId="0" applyFill="0" applyBorder="0" applyAlignment="0" applyProtection="0"/>
    <xf numFmtId="170" fontId="1" fillId="0" borderId="0" applyFont="0" applyFill="0" applyBorder="0" applyAlignment="0" applyProtection="0"/>
    <xf numFmtId="0" fontId="23" fillId="0" borderId="0"/>
    <xf numFmtId="0" fontId="11" fillId="0" borderId="0"/>
    <xf numFmtId="172" fontId="23" fillId="0" borderId="0"/>
  </cellStyleXfs>
  <cellXfs count="168">
    <xf numFmtId="0" fontId="0" fillId="0" borderId="0" xfId="0"/>
    <xf numFmtId="0" fontId="6" fillId="2" borderId="0" xfId="0" applyFont="1" applyFill="1" applyAlignment="1">
      <alignment horizontal="left" vertical="center" indent="1"/>
    </xf>
    <xf numFmtId="0" fontId="6" fillId="2" borderId="0" xfId="0" applyFont="1" applyFill="1" applyAlignment="1">
      <alignment vertical="center"/>
    </xf>
    <xf numFmtId="0" fontId="8" fillId="3" borderId="0" xfId="0" applyFont="1" applyFill="1" applyAlignment="1">
      <alignment horizontal="center" vertical="center"/>
    </xf>
    <xf numFmtId="0" fontId="9" fillId="5" borderId="0" xfId="0" applyFont="1" applyFill="1" applyAlignment="1">
      <alignment horizontal="center" vertical="center"/>
    </xf>
    <xf numFmtId="0" fontId="9" fillId="5" borderId="0" xfId="0" applyFont="1" applyFill="1" applyAlignment="1">
      <alignment vertical="center"/>
    </xf>
    <xf numFmtId="0" fontId="10" fillId="5" borderId="0" xfId="0" applyFont="1" applyFill="1" applyAlignment="1">
      <alignment horizontal="center" vertical="center"/>
    </xf>
    <xf numFmtId="0" fontId="8" fillId="7" borderId="0" xfId="0" applyFont="1" applyFill="1" applyAlignment="1">
      <alignment horizontal="center" vertical="center"/>
    </xf>
    <xf numFmtId="0" fontId="12" fillId="0" borderId="0" xfId="4" applyFont="1"/>
    <xf numFmtId="3" fontId="12" fillId="0" borderId="0" xfId="4" applyNumberFormat="1" applyFont="1" applyAlignment="1">
      <alignment horizontal="center"/>
    </xf>
    <xf numFmtId="0" fontId="12" fillId="0" borderId="0" xfId="4" applyFont="1" applyAlignment="1">
      <alignment horizontal="center"/>
    </xf>
    <xf numFmtId="9" fontId="12" fillId="0" borderId="0" xfId="4" applyNumberFormat="1" applyFont="1" applyAlignment="1">
      <alignment horizontal="center"/>
    </xf>
    <xf numFmtId="0" fontId="13" fillId="0" borderId="0" xfId="4" applyFont="1"/>
    <xf numFmtId="0" fontId="14" fillId="0" borderId="0" xfId="4" applyFont="1"/>
    <xf numFmtId="0" fontId="15" fillId="0" borderId="0" xfId="5" applyFont="1" applyAlignment="1">
      <alignment horizontal="left" vertical="center" wrapText="1"/>
    </xf>
    <xf numFmtId="0" fontId="16" fillId="0" borderId="0" xfId="5" applyFont="1" applyAlignment="1">
      <alignment horizontal="left" vertical="center" wrapText="1"/>
    </xf>
    <xf numFmtId="3" fontId="16" fillId="0" borderId="0" xfId="5" applyNumberFormat="1" applyFont="1" applyAlignment="1">
      <alignment horizontal="center" vertical="center" wrapText="1"/>
    </xf>
    <xf numFmtId="0" fontId="16" fillId="0" borderId="0" xfId="5" applyFont="1" applyAlignment="1">
      <alignment horizontal="center" vertical="center" wrapText="1"/>
    </xf>
    <xf numFmtId="9" fontId="16" fillId="0" borderId="0" xfId="5" applyNumberFormat="1" applyFont="1" applyAlignment="1">
      <alignment horizontal="center" vertical="center" wrapText="1"/>
    </xf>
    <xf numFmtId="0" fontId="15" fillId="0" borderId="0" xfId="5" applyFont="1" applyAlignment="1">
      <alignment horizontal="right" vertical="center" wrapText="1"/>
    </xf>
    <xf numFmtId="0" fontId="12" fillId="0" borderId="0" xfId="0" applyFont="1"/>
    <xf numFmtId="3" fontId="12" fillId="0" borderId="0" xfId="1" applyNumberFormat="1" applyFont="1" applyFill="1" applyAlignment="1">
      <alignment horizontal="center"/>
    </xf>
    <xf numFmtId="0" fontId="12" fillId="0" borderId="0" xfId="0" applyFont="1" applyAlignment="1">
      <alignment horizontal="center"/>
    </xf>
    <xf numFmtId="9" fontId="12" fillId="0" borderId="0" xfId="2" applyFont="1" applyFill="1" applyAlignment="1">
      <alignment horizontal="center"/>
    </xf>
    <xf numFmtId="9" fontId="12" fillId="0" borderId="0" xfId="6" applyFont="1" applyFill="1" applyAlignment="1">
      <alignment horizontal="center"/>
    </xf>
    <xf numFmtId="0" fontId="16" fillId="0" borderId="1" xfId="4" applyFont="1" applyBorder="1"/>
    <xf numFmtId="0" fontId="16" fillId="0" borderId="2" xfId="4" applyFont="1" applyBorder="1"/>
    <xf numFmtId="0" fontId="16" fillId="0" borderId="3" xfId="4" applyFont="1" applyBorder="1"/>
    <xf numFmtId="0" fontId="16" fillId="0" borderId="4" xfId="4" applyFont="1" applyBorder="1"/>
    <xf numFmtId="0" fontId="12" fillId="0" borderId="5" xfId="4" applyFont="1" applyBorder="1"/>
    <xf numFmtId="0" fontId="17" fillId="0" borderId="4" xfId="4" applyFont="1" applyBorder="1"/>
    <xf numFmtId="164" fontId="12" fillId="0" borderId="0" xfId="4" applyNumberFormat="1" applyFont="1"/>
    <xf numFmtId="164" fontId="12" fillId="0" borderId="5" xfId="4" applyNumberFormat="1" applyFont="1" applyBorder="1"/>
    <xf numFmtId="0" fontId="12" fillId="0" borderId="4" xfId="4" applyFont="1" applyBorder="1"/>
    <xf numFmtId="0" fontId="16" fillId="0" borderId="6" xfId="4" applyFont="1" applyBorder="1"/>
    <xf numFmtId="164" fontId="16" fillId="0" borderId="7" xfId="4" applyNumberFormat="1" applyFont="1" applyBorder="1"/>
    <xf numFmtId="164" fontId="16" fillId="0" borderId="8" xfId="4" applyNumberFormat="1" applyFont="1" applyBorder="1"/>
    <xf numFmtId="0" fontId="11" fillId="0" borderId="0" xfId="7"/>
    <xf numFmtId="166" fontId="11" fillId="0" borderId="0" xfId="8" applyNumberFormat="1" applyFont="1"/>
    <xf numFmtId="9" fontId="12" fillId="0" borderId="0" xfId="6" applyFont="1" applyFill="1" applyAlignment="1">
      <alignment horizontal="right"/>
    </xf>
    <xf numFmtId="3" fontId="12" fillId="0" borderId="0" xfId="4" applyNumberFormat="1" applyFont="1"/>
    <xf numFmtId="9" fontId="12" fillId="0" borderId="0" xfId="4" applyNumberFormat="1" applyFont="1"/>
    <xf numFmtId="0" fontId="18" fillId="6" borderId="0" xfId="3" applyFont="1" applyFill="1" applyAlignment="1">
      <alignment vertical="center"/>
    </xf>
    <xf numFmtId="0" fontId="18" fillId="4" borderId="0" xfId="3" applyFont="1" applyFill="1" applyAlignment="1">
      <alignment vertical="center"/>
    </xf>
    <xf numFmtId="0" fontId="19" fillId="0" borderId="0" xfId="0" applyFont="1"/>
    <xf numFmtId="0" fontId="4" fillId="0" borderId="0" xfId="0" applyFont="1"/>
    <xf numFmtId="0" fontId="0" fillId="8" borderId="9" xfId="0" applyFill="1" applyBorder="1"/>
    <xf numFmtId="0" fontId="3" fillId="8" borderId="10" xfId="0" applyFont="1" applyFill="1" applyBorder="1" applyAlignment="1">
      <alignment horizontal="center" vertical="top" wrapText="1"/>
    </xf>
    <xf numFmtId="0" fontId="3" fillId="8" borderId="10" xfId="0" applyFont="1" applyFill="1" applyBorder="1" applyAlignment="1">
      <alignment horizontal="center" vertical="top"/>
    </xf>
    <xf numFmtId="0" fontId="3" fillId="8" borderId="11" xfId="0" applyFont="1" applyFill="1" applyBorder="1" applyAlignment="1">
      <alignment horizontal="center" vertical="top"/>
    </xf>
    <xf numFmtId="2" fontId="2" fillId="0" borderId="0" xfId="9" applyNumberFormat="1" applyFont="1" applyFill="1" applyBorder="1"/>
    <xf numFmtId="0" fontId="0" fillId="8" borderId="12" xfId="0" applyFill="1" applyBorder="1"/>
    <xf numFmtId="10" fontId="1" fillId="9" borderId="13" xfId="2" applyNumberFormat="1" applyFill="1" applyBorder="1"/>
    <xf numFmtId="0" fontId="3" fillId="8" borderId="4" xfId="0" applyFont="1" applyFill="1" applyBorder="1"/>
    <xf numFmtId="9" fontId="1" fillId="8" borderId="0" xfId="2" applyFill="1"/>
    <xf numFmtId="167" fontId="0" fillId="8" borderId="0" xfId="0" applyNumberFormat="1" applyFill="1"/>
    <xf numFmtId="167" fontId="0" fillId="8" borderId="5" xfId="0" applyNumberFormat="1" applyFill="1" applyBorder="1"/>
    <xf numFmtId="167" fontId="0" fillId="0" borderId="0" xfId="0" applyNumberFormat="1"/>
    <xf numFmtId="0" fontId="3" fillId="10" borderId="14" xfId="0" applyFont="1" applyFill="1" applyBorder="1"/>
    <xf numFmtId="0" fontId="0" fillId="10" borderId="15" xfId="0" applyFill="1" applyBorder="1"/>
    <xf numFmtId="2" fontId="0" fillId="10" borderId="15" xfId="0" applyNumberFormat="1" applyFill="1" applyBorder="1"/>
    <xf numFmtId="0" fontId="0" fillId="0" borderId="15" xfId="0" applyBorder="1"/>
    <xf numFmtId="167" fontId="0" fillId="10" borderId="16" xfId="0" applyNumberFormat="1" applyFill="1" applyBorder="1"/>
    <xf numFmtId="1" fontId="0" fillId="0" borderId="0" xfId="0" applyNumberFormat="1"/>
    <xf numFmtId="0" fontId="3" fillId="8" borderId="17" xfId="0" applyFont="1" applyFill="1" applyBorder="1"/>
    <xf numFmtId="0" fontId="0" fillId="8" borderId="18" xfId="0" applyFill="1" applyBorder="1"/>
    <xf numFmtId="2" fontId="0" fillId="8" borderId="18" xfId="0" applyNumberFormat="1" applyFill="1" applyBorder="1"/>
    <xf numFmtId="167" fontId="21" fillId="8" borderId="19" xfId="0" applyNumberFormat="1" applyFont="1" applyFill="1" applyBorder="1" applyAlignment="1">
      <alignment horizontal="right"/>
    </xf>
    <xf numFmtId="0" fontId="3" fillId="0" borderId="0" xfId="0" applyFont="1"/>
    <xf numFmtId="168" fontId="0" fillId="0" borderId="0" xfId="0" applyNumberFormat="1"/>
    <xf numFmtId="2" fontId="0" fillId="0" borderId="0" xfId="0" applyNumberFormat="1"/>
    <xf numFmtId="169" fontId="0" fillId="0" borderId="0" xfId="0" applyNumberFormat="1"/>
    <xf numFmtId="0" fontId="3" fillId="0" borderId="0" xfId="0" applyFont="1" applyAlignment="1">
      <alignment horizontal="center"/>
    </xf>
    <xf numFmtId="0" fontId="14" fillId="8" borderId="20" xfId="0" applyFont="1" applyFill="1" applyBorder="1" applyAlignment="1">
      <alignment horizontal="center"/>
    </xf>
    <xf numFmtId="0" fontId="14" fillId="8" borderId="15" xfId="0" applyFont="1" applyFill="1" applyBorder="1" applyAlignment="1">
      <alignment horizontal="center"/>
    </xf>
    <xf numFmtId="0" fontId="14" fillId="8" borderId="21" xfId="0" applyFont="1" applyFill="1" applyBorder="1" applyAlignment="1">
      <alignment horizontal="center"/>
    </xf>
    <xf numFmtId="0" fontId="14" fillId="8" borderId="22" xfId="0" applyFont="1" applyFill="1" applyBorder="1" applyAlignment="1">
      <alignment horizontal="center"/>
    </xf>
    <xf numFmtId="0" fontId="14" fillId="8" borderId="23" xfId="0" applyFont="1" applyFill="1" applyBorder="1" applyAlignment="1">
      <alignment horizontal="center"/>
    </xf>
    <xf numFmtId="0" fontId="14" fillId="8" borderId="24" xfId="0" applyFont="1" applyFill="1" applyBorder="1" applyAlignment="1">
      <alignment horizontal="center"/>
    </xf>
    <xf numFmtId="0" fontId="0" fillId="0" borderId="0" xfId="0" applyAlignment="1">
      <alignment horizontal="right"/>
    </xf>
    <xf numFmtId="0" fontId="3" fillId="0" borderId="0" xfId="0" applyFont="1" applyAlignment="1">
      <alignment horizontal="right"/>
    </xf>
    <xf numFmtId="0" fontId="21" fillId="8" borderId="25" xfId="0" applyFont="1" applyFill="1" applyBorder="1" applyAlignment="1">
      <alignment horizontal="right"/>
    </xf>
    <xf numFmtId="1" fontId="21" fillId="11" borderId="25" xfId="0" applyNumberFormat="1" applyFont="1" applyFill="1" applyBorder="1"/>
    <xf numFmtId="1" fontId="21" fillId="11" borderId="26" xfId="0" applyNumberFormat="1" applyFont="1" applyFill="1" applyBorder="1"/>
    <xf numFmtId="1" fontId="21" fillId="11" borderId="25" xfId="10" applyNumberFormat="1" applyFont="1" applyFill="1" applyBorder="1"/>
    <xf numFmtId="1" fontId="21" fillId="9" borderId="26" xfId="0" applyNumberFormat="1" applyFont="1" applyFill="1" applyBorder="1"/>
    <xf numFmtId="1" fontId="21" fillId="0" borderId="26" xfId="0" applyNumberFormat="1" applyFont="1" applyBorder="1"/>
    <xf numFmtId="1" fontId="21" fillId="11" borderId="26" xfId="10" applyNumberFormat="1" applyFont="1" applyFill="1" applyBorder="1"/>
    <xf numFmtId="0" fontId="22" fillId="0" borderId="0" xfId="0" applyFont="1"/>
    <xf numFmtId="2" fontId="22" fillId="0" borderId="0" xfId="0" applyNumberFormat="1" applyFont="1"/>
    <xf numFmtId="1" fontId="22" fillId="0" borderId="0" xfId="0" applyNumberFormat="1" applyFont="1"/>
    <xf numFmtId="1" fontId="3" fillId="0" borderId="0" xfId="0" applyNumberFormat="1" applyFont="1"/>
    <xf numFmtId="0" fontId="3" fillId="8" borderId="10" xfId="0" applyFont="1" applyFill="1" applyBorder="1" applyAlignment="1">
      <alignment horizontal="center"/>
    </xf>
    <xf numFmtId="0" fontId="0" fillId="8" borderId="10" xfId="0" applyFill="1" applyBorder="1"/>
    <xf numFmtId="0" fontId="3" fillId="8" borderId="11" xfId="0" applyFont="1" applyFill="1" applyBorder="1" applyAlignment="1">
      <alignment horizontal="center"/>
    </xf>
    <xf numFmtId="169" fontId="0" fillId="10" borderId="15" xfId="0" applyNumberFormat="1" applyFill="1" applyBorder="1"/>
    <xf numFmtId="171" fontId="0" fillId="0" borderId="0" xfId="0" applyNumberFormat="1"/>
    <xf numFmtId="169" fontId="0" fillId="8" borderId="18" xfId="0" applyNumberFormat="1" applyFill="1" applyBorder="1"/>
    <xf numFmtId="0" fontId="3" fillId="0" borderId="23" xfId="0" applyFont="1" applyBorder="1" applyAlignment="1">
      <alignment horizontal="center"/>
    </xf>
    <xf numFmtId="172" fontId="24" fillId="12" borderId="0" xfId="11" applyNumberFormat="1" applyFont="1" applyFill="1"/>
    <xf numFmtId="3" fontId="25" fillId="10" borderId="0" xfId="12" applyNumberFormat="1" applyFont="1" applyFill="1" applyAlignment="1">
      <alignment horizontal="left" vertical="center"/>
    </xf>
    <xf numFmtId="172" fontId="26" fillId="10" borderId="0" xfId="11" applyNumberFormat="1" applyFont="1" applyFill="1" applyAlignment="1">
      <alignment vertical="center"/>
    </xf>
    <xf numFmtId="172" fontId="27" fillId="10" borderId="0" xfId="11" applyNumberFormat="1" applyFont="1" applyFill="1" applyAlignment="1">
      <alignment vertical="center"/>
    </xf>
    <xf numFmtId="173" fontId="28" fillId="12" borderId="12" xfId="12" applyNumberFormat="1" applyFont="1" applyFill="1" applyBorder="1"/>
    <xf numFmtId="172" fontId="28" fillId="12" borderId="27" xfId="11" applyNumberFormat="1" applyFont="1" applyFill="1" applyBorder="1"/>
    <xf numFmtId="1" fontId="29" fillId="8" borderId="27" xfId="11" applyNumberFormat="1" applyFont="1" applyFill="1" applyBorder="1" applyAlignment="1">
      <alignment horizontal="right"/>
    </xf>
    <xf numFmtId="1" fontId="29" fillId="8" borderId="28" xfId="11" applyNumberFormat="1" applyFont="1" applyFill="1" applyBorder="1" applyAlignment="1">
      <alignment horizontal="right"/>
    </xf>
    <xf numFmtId="172" fontId="30" fillId="12" borderId="0" xfId="11" applyNumberFormat="1" applyFont="1" applyFill="1"/>
    <xf numFmtId="172" fontId="30" fillId="8" borderId="0" xfId="11" applyNumberFormat="1" applyFont="1" applyFill="1"/>
    <xf numFmtId="172" fontId="30" fillId="8" borderId="29" xfId="11" applyNumberFormat="1" applyFont="1" applyFill="1" applyBorder="1"/>
    <xf numFmtId="172" fontId="30" fillId="8" borderId="15" xfId="11" applyNumberFormat="1" applyFont="1" applyFill="1" applyBorder="1"/>
    <xf numFmtId="172" fontId="29" fillId="12" borderId="23" xfId="12" applyNumberFormat="1" applyFont="1" applyFill="1" applyBorder="1"/>
    <xf numFmtId="172" fontId="30" fillId="12" borderId="23" xfId="11" applyNumberFormat="1" applyFont="1" applyFill="1" applyBorder="1"/>
    <xf numFmtId="172" fontId="29" fillId="8" borderId="23" xfId="11" applyNumberFormat="1" applyFont="1" applyFill="1" applyBorder="1" applyAlignment="1">
      <alignment horizontal="center"/>
    </xf>
    <xf numFmtId="172" fontId="29" fillId="8" borderId="30" xfId="11" applyNumberFormat="1" applyFont="1" applyFill="1" applyBorder="1" applyAlignment="1">
      <alignment horizontal="center"/>
    </xf>
    <xf numFmtId="172" fontId="31" fillId="8" borderId="0" xfId="11" applyNumberFormat="1" applyFont="1" applyFill="1"/>
    <xf numFmtId="172" fontId="31" fillId="12" borderId="0" xfId="12" applyNumberFormat="1" applyFont="1" applyFill="1"/>
    <xf numFmtId="3" fontId="24" fillId="11" borderId="0" xfId="11" applyNumberFormat="1" applyFont="1" applyFill="1" applyAlignment="1">
      <alignment horizontal="right"/>
    </xf>
    <xf numFmtId="3" fontId="24" fillId="11" borderId="29" xfId="11" applyNumberFormat="1" applyFont="1" applyFill="1" applyBorder="1" applyAlignment="1">
      <alignment horizontal="right"/>
    </xf>
    <xf numFmtId="3" fontId="24" fillId="12" borderId="0" xfId="12" applyNumberFormat="1" applyFont="1" applyFill="1" applyAlignment="1">
      <alignment horizontal="left"/>
    </xf>
    <xf numFmtId="174" fontId="32" fillId="8" borderId="0" xfId="0" applyNumberFormat="1" applyFont="1" applyFill="1"/>
    <xf numFmtId="174" fontId="32" fillId="8" borderId="0" xfId="1" applyNumberFormat="1" applyFont="1" applyFill="1"/>
    <xf numFmtId="3" fontId="24" fillId="12" borderId="23" xfId="12" applyNumberFormat="1" applyFont="1" applyFill="1" applyBorder="1" applyAlignment="1">
      <alignment horizontal="left"/>
    </xf>
    <xf numFmtId="3" fontId="33" fillId="12" borderId="27" xfId="12" applyNumberFormat="1" applyFont="1" applyFill="1" applyBorder="1" applyAlignment="1">
      <alignment horizontal="left"/>
    </xf>
    <xf numFmtId="172" fontId="34" fillId="12" borderId="27" xfId="11" applyNumberFormat="1" applyFont="1" applyFill="1" applyBorder="1"/>
    <xf numFmtId="3" fontId="33" fillId="11" borderId="27" xfId="11" applyNumberFormat="1" applyFont="1" applyFill="1" applyBorder="1" applyAlignment="1">
      <alignment horizontal="right"/>
    </xf>
    <xf numFmtId="3" fontId="33" fillId="11" borderId="28" xfId="11" applyNumberFormat="1" applyFont="1" applyFill="1" applyBorder="1" applyAlignment="1">
      <alignment horizontal="right"/>
    </xf>
    <xf numFmtId="3" fontId="33" fillId="8" borderId="0" xfId="13" applyNumberFormat="1" applyFont="1" applyFill="1" applyAlignment="1">
      <alignment horizontal="right"/>
    </xf>
    <xf numFmtId="3" fontId="33" fillId="12" borderId="0" xfId="12" applyNumberFormat="1" applyFont="1" applyFill="1" applyAlignment="1">
      <alignment horizontal="left"/>
    </xf>
    <xf numFmtId="172" fontId="34" fillId="12" borderId="0" xfId="11" applyNumberFormat="1" applyFont="1" applyFill="1"/>
    <xf numFmtId="3" fontId="33" fillId="8" borderId="0" xfId="11" applyNumberFormat="1" applyFont="1" applyFill="1" applyAlignment="1">
      <alignment horizontal="right"/>
    </xf>
    <xf numFmtId="3" fontId="33" fillId="8" borderId="31" xfId="11" applyNumberFormat="1" applyFont="1" applyFill="1" applyBorder="1" applyAlignment="1">
      <alignment horizontal="right"/>
    </xf>
    <xf numFmtId="3" fontId="24" fillId="11" borderId="23" xfId="11" applyNumberFormat="1" applyFont="1" applyFill="1" applyBorder="1" applyAlignment="1">
      <alignment horizontal="right"/>
    </xf>
    <xf numFmtId="3" fontId="33" fillId="12" borderId="32" xfId="12" applyNumberFormat="1" applyFont="1" applyFill="1" applyBorder="1" applyAlignment="1">
      <alignment horizontal="left"/>
    </xf>
    <xf numFmtId="172" fontId="34" fillId="12" borderId="32" xfId="11" applyNumberFormat="1" applyFont="1" applyFill="1" applyBorder="1"/>
    <xf numFmtId="3" fontId="33" fillId="11" borderId="32" xfId="11" applyNumberFormat="1" applyFont="1" applyFill="1" applyBorder="1" applyAlignment="1">
      <alignment horizontal="right"/>
    </xf>
    <xf numFmtId="3" fontId="33" fillId="11" borderId="33" xfId="11" applyNumberFormat="1" applyFont="1" applyFill="1" applyBorder="1" applyAlignment="1">
      <alignment horizontal="right"/>
    </xf>
    <xf numFmtId="3" fontId="33" fillId="8" borderId="29" xfId="11" applyNumberFormat="1" applyFont="1" applyFill="1" applyBorder="1" applyAlignment="1">
      <alignment horizontal="right"/>
    </xf>
    <xf numFmtId="172" fontId="30" fillId="12" borderId="0" xfId="12" applyNumberFormat="1" applyFont="1" applyFill="1"/>
    <xf numFmtId="3" fontId="30" fillId="8" borderId="0" xfId="11" applyNumberFormat="1" applyFont="1" applyFill="1" applyAlignment="1">
      <alignment horizontal="right"/>
    </xf>
    <xf numFmtId="3" fontId="30" fillId="8" borderId="29" xfId="11" applyNumberFormat="1" applyFont="1" applyFill="1" applyBorder="1" applyAlignment="1">
      <alignment horizontal="right"/>
    </xf>
    <xf numFmtId="172" fontId="30" fillId="8" borderId="23" xfId="11" applyNumberFormat="1" applyFont="1" applyFill="1" applyBorder="1"/>
    <xf numFmtId="172" fontId="30" fillId="8" borderId="30" xfId="11" applyNumberFormat="1" applyFont="1" applyFill="1" applyBorder="1"/>
    <xf numFmtId="9" fontId="24" fillId="11" borderId="0" xfId="2" applyFont="1" applyFill="1" applyBorder="1" applyAlignment="1">
      <alignment horizontal="right"/>
    </xf>
    <xf numFmtId="9" fontId="24" fillId="11" borderId="29" xfId="2" applyFont="1" applyFill="1" applyBorder="1" applyAlignment="1">
      <alignment horizontal="right"/>
    </xf>
    <xf numFmtId="9" fontId="33" fillId="11" borderId="32" xfId="2" applyFont="1" applyFill="1" applyBorder="1" applyAlignment="1">
      <alignment horizontal="right"/>
    </xf>
    <xf numFmtId="9" fontId="33" fillId="11" borderId="33" xfId="2" applyFont="1" applyFill="1" applyBorder="1" applyAlignment="1">
      <alignment horizontal="right"/>
    </xf>
    <xf numFmtId="172" fontId="34" fillId="8" borderId="0" xfId="11" applyNumberFormat="1" applyFont="1" applyFill="1"/>
    <xf numFmtId="3" fontId="35" fillId="12" borderId="0" xfId="12" applyNumberFormat="1" applyFont="1" applyFill="1" applyAlignment="1">
      <alignment horizontal="left" vertical="top" wrapText="1"/>
    </xf>
    <xf numFmtId="0" fontId="0" fillId="13" borderId="0" xfId="0" applyFill="1"/>
    <xf numFmtId="9" fontId="27" fillId="10" borderId="0" xfId="2" applyFont="1" applyFill="1" applyAlignment="1">
      <alignment horizontal="right" vertical="center"/>
    </xf>
    <xf numFmtId="173" fontId="28" fillId="12" borderId="27" xfId="12" applyNumberFormat="1" applyFont="1" applyFill="1" applyBorder="1"/>
    <xf numFmtId="172" fontId="29" fillId="8" borderId="0" xfId="11" applyNumberFormat="1" applyFont="1" applyFill="1" applyAlignment="1">
      <alignment horizontal="center"/>
    </xf>
    <xf numFmtId="172" fontId="29" fillId="8" borderId="29" xfId="11" applyNumberFormat="1" applyFont="1" applyFill="1" applyBorder="1" applyAlignment="1">
      <alignment horizontal="center"/>
    </xf>
    <xf numFmtId="3" fontId="24" fillId="8" borderId="0" xfId="11" applyNumberFormat="1" applyFont="1" applyFill="1" applyAlignment="1">
      <alignment horizontal="right"/>
    </xf>
    <xf numFmtId="3" fontId="0" fillId="0" borderId="0" xfId="0" applyNumberFormat="1"/>
    <xf numFmtId="3" fontId="33" fillId="11" borderId="27" xfId="13" applyNumberFormat="1" applyFont="1" applyFill="1" applyBorder="1" applyAlignment="1">
      <alignment horizontal="right"/>
    </xf>
    <xf numFmtId="172" fontId="31" fillId="8" borderId="29" xfId="11" applyNumberFormat="1" applyFont="1" applyFill="1" applyBorder="1"/>
    <xf numFmtId="172" fontId="33" fillId="8" borderId="0" xfId="11" applyNumberFormat="1" applyFont="1" applyFill="1"/>
    <xf numFmtId="172" fontId="30" fillId="8" borderId="0" xfId="11" applyNumberFormat="1" applyFont="1" applyFill="1" applyAlignment="1">
      <alignment horizontal="right"/>
    </xf>
    <xf numFmtId="174" fontId="31" fillId="8" borderId="0" xfId="1" applyNumberFormat="1" applyFont="1" applyFill="1" applyAlignment="1">
      <alignment vertical="top" wrapText="1"/>
    </xf>
    <xf numFmtId="172" fontId="29" fillId="8" borderId="30" xfId="11" applyNumberFormat="1" applyFont="1" applyFill="1" applyBorder="1" applyAlignment="1">
      <alignment horizontal="center"/>
    </xf>
    <xf numFmtId="9" fontId="33" fillId="12" borderId="0" xfId="2" applyFont="1" applyFill="1" applyAlignment="1">
      <alignment horizontal="right"/>
    </xf>
    <xf numFmtId="3" fontId="35" fillId="12" borderId="0" xfId="12" applyNumberFormat="1" applyFont="1" applyFill="1" applyAlignment="1">
      <alignment horizontal="left" vertical="top" wrapText="1"/>
    </xf>
    <xf numFmtId="3" fontId="35" fillId="12" borderId="0" xfId="12" applyNumberFormat="1" applyFont="1" applyFill="1" applyAlignment="1">
      <alignment vertical="top"/>
    </xf>
    <xf numFmtId="43" fontId="30" fillId="12" borderId="0" xfId="1" applyFont="1" applyFill="1"/>
    <xf numFmtId="10" fontId="0" fillId="0" borderId="0" xfId="0" applyNumberFormat="1"/>
    <xf numFmtId="0" fontId="18" fillId="14" borderId="0" xfId="3" applyFont="1" applyFill="1" applyAlignment="1">
      <alignment vertical="center"/>
    </xf>
  </cellXfs>
  <cellStyles count="14">
    <cellStyle name="Comma" xfId="1" builtinId="3"/>
    <cellStyle name="Comma_Q3" xfId="8" xr:uid="{439A7976-0249-4AFE-A11F-1DA38D797186}"/>
    <cellStyle name="Currency 2" xfId="10" xr:uid="{03B8E3C4-77CA-418F-A5D0-AE074F45A855}"/>
    <cellStyle name="Hyperlink" xfId="3" builtinId="8"/>
    <cellStyle name="Normal" xfId="0" builtinId="0"/>
    <cellStyle name="Normal 12" xfId="5" xr:uid="{19BBC5F6-2197-46EA-8824-9006DAC09C30}"/>
    <cellStyle name="Normal 2" xfId="4" xr:uid="{6038EEEA-01EB-4D72-8E66-5CE5365BCA0E}"/>
    <cellStyle name="Normal 2 2" xfId="9" xr:uid="{C0EB84CD-A261-456A-A827-F8DBC4240072}"/>
    <cellStyle name="Normal_Bruttokapacitet tør og tank 20080204" xfId="13" xr:uid="{DEEB5DDA-DDA8-43F2-BD80-76561578F17B}"/>
    <cellStyle name="Normal_Bruttokapacitet tør og tank 20080227" xfId="11" xr:uid="{E7D69165-ADCC-4FDE-A4FC-A35D0E9F2DD6}"/>
    <cellStyle name="Normal_MBA data template 20070117_Bruttokapacitet mm_Vesseldays and average rates to PSA 20070713 DENNE" xfId="12" xr:uid="{14C792AD-643C-4F84-9E6A-9BE0F92B6BF2}"/>
    <cellStyle name="Normal_Q3" xfId="7" xr:uid="{36E87222-72D9-4C88-B52B-44745B388A28}"/>
    <cellStyle name="Percent" xfId="2" builtinId="5"/>
    <cellStyle name="Percent 2" xfId="6" xr:uid="{B0A16B3B-9DAE-449E-B3F4-E8BBE9B5D986}"/>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externalLink" Target="externalLinks/externalLink1.xml"/><Relationship Id="rId13" Type="http://schemas.openxmlformats.org/officeDocument/2006/relationships/styles" Target="styles.xml"/><Relationship Id="rId18" Type="http://schemas.openxmlformats.org/officeDocument/2006/relationships/customXml" Target="../customXml/item2.xml"/><Relationship Id="rId3" Type="http://schemas.openxmlformats.org/officeDocument/2006/relationships/worksheet" Target="worksheets/sheet3.xml"/><Relationship Id="rId21" Type="http://schemas.openxmlformats.org/officeDocument/2006/relationships/customXml" Target="../customXml/item5.xml"/><Relationship Id="rId7" Type="http://schemas.openxmlformats.org/officeDocument/2006/relationships/worksheet" Target="worksheets/sheet7.xml"/><Relationship Id="rId12" Type="http://schemas.openxmlformats.org/officeDocument/2006/relationships/theme" Target="theme/theme1.xml"/><Relationship Id="rId17" Type="http://schemas.openxmlformats.org/officeDocument/2006/relationships/customXml" Target="../customXml/item1.xml"/><Relationship Id="rId2" Type="http://schemas.openxmlformats.org/officeDocument/2006/relationships/worksheet" Target="worksheets/sheet2.xml"/><Relationship Id="rId16" Type="http://schemas.openxmlformats.org/officeDocument/2006/relationships/calcChain" Target="calcChain.xml"/><Relationship Id="rId20" Type="http://schemas.openxmlformats.org/officeDocument/2006/relationships/customXml" Target="../customXml/item4.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externalLink" Target="externalLinks/externalLink4.xml"/><Relationship Id="rId5" Type="http://schemas.openxmlformats.org/officeDocument/2006/relationships/worksheet" Target="worksheets/sheet5.xml"/><Relationship Id="rId15" Type="http://schemas.openxmlformats.org/officeDocument/2006/relationships/sheetMetadata" Target="metadata.xml"/><Relationship Id="rId10" Type="http://schemas.openxmlformats.org/officeDocument/2006/relationships/externalLink" Target="externalLinks/externalLink3.xml"/><Relationship Id="rId19" Type="http://schemas.openxmlformats.org/officeDocument/2006/relationships/customXml" Target="../customXml/item3.xml"/><Relationship Id="rId4" Type="http://schemas.openxmlformats.org/officeDocument/2006/relationships/worksheet" Target="worksheets/sheet4.xml"/><Relationship Id="rId9" Type="http://schemas.openxmlformats.org/officeDocument/2006/relationships/externalLink" Target="externalLinks/externalLink2.xml"/><Relationship Id="rId14" Type="http://schemas.openxmlformats.org/officeDocument/2006/relationships/sharedStrings" Target="sharedStrings.xml"/></Relationships>
</file>

<file path=xl/drawings/drawing1.xml><?xml version="1.0" encoding="utf-8"?>
<xdr:wsDr xmlns:xdr="http://schemas.openxmlformats.org/drawingml/2006/spreadsheetDrawing" xmlns:a="http://schemas.openxmlformats.org/drawingml/2006/main">
  <xdr:twoCellAnchor>
    <xdr:from>
      <xdr:col>13</xdr:col>
      <xdr:colOff>732725</xdr:colOff>
      <xdr:row>1</xdr:row>
      <xdr:rowOff>86590</xdr:rowOff>
    </xdr:from>
    <xdr:to>
      <xdr:col>24</xdr:col>
      <xdr:colOff>702625</xdr:colOff>
      <xdr:row>10</xdr:row>
      <xdr:rowOff>68036</xdr:rowOff>
    </xdr:to>
    <xdr:sp macro="" textlink="">
      <xdr:nvSpPr>
        <xdr:cNvPr id="2" name="TextBox 1">
          <a:extLst>
            <a:ext uri="{FF2B5EF4-FFF2-40B4-BE49-F238E27FC236}">
              <a16:creationId xmlns:a16="http://schemas.microsoft.com/office/drawing/2014/main" id="{D3617592-7A60-4764-8D19-28CB077E6AFC}"/>
            </a:ext>
          </a:extLst>
        </xdr:cNvPr>
        <xdr:cNvSpPr txBox="1"/>
      </xdr:nvSpPr>
      <xdr:spPr>
        <a:xfrm>
          <a:off x="12000800" y="277090"/>
          <a:ext cx="9590150" cy="2248396"/>
        </a:xfrm>
        <a:prstGeom prst="rect">
          <a:avLst/>
        </a:prstGeom>
        <a:solidFill>
          <a:schemeClr val="bg2"/>
        </a:solidFill>
        <a:ln w="9525" cmpd="sng">
          <a:solidFill>
            <a:schemeClr val="lt1">
              <a:shade val="50000"/>
            </a:schemeClr>
          </a:solid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r>
            <a:rPr lang="en-GB" sz="1200">
              <a:solidFill>
                <a:sysClr val="windowText" lastClr="000000"/>
              </a:solidFill>
            </a:rPr>
            <a:t>This sheet</a:t>
          </a:r>
          <a:r>
            <a:rPr lang="en-GB" sz="1200" baseline="0">
              <a:solidFill>
                <a:sysClr val="windowText" lastClr="000000"/>
              </a:solidFill>
            </a:rPr>
            <a:t> can be used to value the Timecharter-in and Cover portfolio of the Asset Management Business Unit as part of the calculation of NAV of DS NORDEN. All costs are cash costs. The business unit Asset Management holds all TC-in contracts exceeding two years.</a:t>
          </a:r>
        </a:p>
        <a:p>
          <a:endParaRPr lang="en-GB" sz="1200">
            <a:solidFill>
              <a:sysClr val="windowText" lastClr="000000"/>
            </a:solidFill>
          </a:endParaRPr>
        </a:p>
        <a:p>
          <a:r>
            <a:rPr lang="en-GB" sz="1200">
              <a:solidFill>
                <a:sysClr val="windowText" lastClr="000000"/>
              </a:solidFill>
            </a:rPr>
            <a:t>Step 1: Insert your</a:t>
          </a:r>
          <a:r>
            <a:rPr lang="en-GB" sz="1200" baseline="0">
              <a:solidFill>
                <a:sysClr val="windowText" lastClr="000000"/>
              </a:solidFill>
            </a:rPr>
            <a:t> gross rate expectations for each of the 6 segments below (apply Baltic Dry Index equivalent for Dry Bulk and ACM for Tankers). Input cells are colored yellow. Comissions will automatically be subtracted from the inserted rate expectations based on the brokerage commission rate applied in cell L4. Vessel index benchmarked to Baltic Dry Index: Handysize: HSI38, Supramax: SI58, Panamax: PI82</a:t>
          </a:r>
        </a:p>
        <a:p>
          <a:endParaRPr lang="en-GB" sz="1200" baseline="0">
            <a:solidFill>
              <a:sysClr val="windowText" lastClr="000000"/>
            </a:solidFill>
          </a:endParaRPr>
        </a:p>
        <a:p>
          <a:r>
            <a:rPr lang="en-GB" sz="1200" baseline="0">
              <a:solidFill>
                <a:sysClr val="windowText" lastClr="000000"/>
              </a:solidFill>
            </a:rPr>
            <a:t>Step 2: Specify your discount rate in cell M4</a:t>
          </a:r>
        </a:p>
        <a:p>
          <a:endParaRPr lang="en-GB" sz="1200" baseline="0">
            <a:solidFill>
              <a:sysClr val="windowText" lastClr="000000"/>
            </a:solidFill>
          </a:endParaRPr>
        </a:p>
        <a:p>
          <a:r>
            <a:rPr lang="en-GB" sz="1200" baseline="0">
              <a:solidFill>
                <a:sysClr val="windowText" lastClr="000000"/>
              </a:solidFill>
            </a:rPr>
            <a:t>Step 3: Read the net value of the TC-in and Cover portfolio in the two output cells located in the ranges D5:G7 and D32:G34 </a:t>
          </a:r>
        </a:p>
      </xdr:txBody>
    </xdr:sp>
    <xdr:clientData/>
  </xdr:twoCellAnchor>
</xdr:wsDr>
</file>

<file path=xl/externalLinks/_rels/externalLink1.xml.rels><?xml version="1.0" encoding="UTF-8" standalone="yes"?>
<Relationships xmlns="http://schemas.openxmlformats.org/package/2006/relationships"><Relationship Id="rId1" Type="http://schemas.openxmlformats.org/officeDocument/2006/relationships/externalLinkPath" Target="file:///\\SrvFls\Public\KEL\01%20Financial%20Control\03%20Output\Treasury%20Fleet%20Analyzor.xls" TargetMode="External"/></Relationships>
</file>

<file path=xl/externalLinks/_rels/externalLink2.xml.rels><?xml version="1.0" encoding="UTF-8" standalone="yes"?>
<Relationships xmlns="http://schemas.openxmlformats.org/package/2006/relationships"><Relationship Id="rId1" Type="http://schemas.openxmlformats.org/officeDocument/2006/relationships/externalLinkPath" Target="file:///H:\03%20Limit%20Reports\00%20LR%2020060401\00%20LR%2020050701%20DevFiles\my00Norden%2020050711.xls" TargetMode="External"/></Relationships>
</file>

<file path=xl/externalLinks/_rels/externalLink3.xml.rels><?xml version="1.0" encoding="UTF-8" standalone="yes"?>
<Relationships xmlns="http://schemas.openxmlformats.org/package/2006/relationships"><Relationship Id="rId1" Type="http://schemas.openxmlformats.org/officeDocument/2006/relationships/externalLinkPath" Target="file:///H:\03%20Limit%20Reports\00%20LR%2020060401\LR%2020040501\Treasury%20limit%20report%2020040501%2020040419.xls" TargetMode="External"/></Relationships>
</file>

<file path=xl/externalLinks/_rels/externalLink4.xml.rels><?xml version="1.0" encoding="UTF-8" standalone="yes"?>
<Relationships xmlns="http://schemas.openxmlformats.org/package/2006/relationships"><Relationship Id="rId2" Type="http://schemas.openxmlformats.org/officeDocument/2006/relationships/externalLinkPath" Target="https://dsnorden.sharepoint.com/sites/InvestorRelations/Delte%20dokumenter/General/Investor%20Relations/Quarterly%20and%20Annual%20Reports/2023/Q2/Factbook%20documents/ValuationofTCfleetandcoverend%20Q22023.xlsx" TargetMode="External"/><Relationship Id="rId1" Type="http://schemas.openxmlformats.org/officeDocument/2006/relationships/externalLinkPath" Target="https://dsnorden.sharepoint.com/sites/InvestorRelations/Delte%20dokumenter/General/Investor%20Relations/Quarterly%20and%20Annual%20Reports/2023/Q2/Factbook%20documents/ValuationofTCfleetandcoverend%20Q22023.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sheetNames>
      <sheetName val="Overview"/>
      <sheetName val="FleetAnalysis"/>
      <sheetName val="VesselAnalysis"/>
      <sheetName val="FleetAnalysisData"/>
      <sheetName val="VesselContractData"/>
    </sheetNames>
    <sheetDataSet>
      <sheetData sheetId="0"/>
      <sheetData sheetId="1"/>
      <sheetData sheetId="2">
        <row r="7">
          <cell r="K7">
            <v>38056</v>
          </cell>
        </row>
        <row r="9">
          <cell r="K9">
            <v>37546</v>
          </cell>
        </row>
        <row r="11">
          <cell r="K11">
            <v>37546</v>
          </cell>
        </row>
        <row r="13">
          <cell r="K13">
            <v>37546</v>
          </cell>
        </row>
        <row r="15">
          <cell r="K15">
            <v>37546</v>
          </cell>
        </row>
      </sheetData>
      <sheetData sheetId="3">
        <row r="56">
          <cell r="N56">
            <v>37755</v>
          </cell>
        </row>
      </sheetData>
      <sheetData sheetId="4"/>
    </sheetDataSet>
  </externalBook>
</externalLink>
</file>

<file path=xl/externalLinks/externalLink2.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sheetNames>
      <sheetName val="InputData"/>
      <sheetName val="FrontPage"/>
      <sheetName val="NordenGraphs"/>
      <sheetName val="NordenTimeProfile"/>
      <sheetName val="FleetSummary"/>
      <sheetName val="FleetHistory"/>
      <sheetName val="TreasuryBankDebt"/>
      <sheetName val="TreasuryYardDebt"/>
      <sheetName val="AframaxTSummary"/>
      <sheetName val="AframaxTHistory"/>
      <sheetName val="HandymaxTSummary"/>
      <sheetName val="HandymaxTHistory"/>
      <sheetName val="HandysizeTSummary"/>
      <sheetName val="HandysizeTHistory"/>
      <sheetName val="CapesizeSummary"/>
      <sheetName val="CapesizeHistory"/>
      <sheetName val="PanamaxSummary"/>
      <sheetName val="PanamaxHistory"/>
      <sheetName val="HandymaxSummary"/>
      <sheetName val="HandymaxHistory"/>
    </sheetNames>
    <sheetDataSet>
      <sheetData sheetId="0"/>
      <sheetData sheetId="1"/>
      <sheetData sheetId="2"/>
      <sheetData sheetId="3"/>
      <sheetData sheetId="4"/>
      <sheetData sheetId="5">
        <row r="22">
          <cell r="AA22">
            <v>38292</v>
          </cell>
          <cell r="AB22">
            <v>38322</v>
          </cell>
          <cell r="AC22">
            <v>38353</v>
          </cell>
        </row>
        <row r="23">
          <cell r="AA23">
            <v>734.93221799938726</v>
          </cell>
          <cell r="AB23">
            <v>728.26126729847374</v>
          </cell>
          <cell r="AC23">
            <v>674.22355379190549</v>
          </cell>
        </row>
        <row r="24">
          <cell r="AA24">
            <v>369.81836818361779</v>
          </cell>
          <cell r="AB24">
            <v>363.14741748270421</v>
          </cell>
          <cell r="AC24">
            <v>322.94647899721599</v>
          </cell>
        </row>
        <row r="25">
          <cell r="AA25">
            <v>-23.177965383188944</v>
          </cell>
          <cell r="AB25">
            <v>-40.195119081753404</v>
          </cell>
          <cell r="AC25">
            <v>-55.58361832282668</v>
          </cell>
        </row>
        <row r="26">
          <cell r="AA26">
            <v>-50.664108329623105</v>
          </cell>
          <cell r="AB26">
            <v>-67.681262028187561</v>
          </cell>
          <cell r="AC26">
            <v>-83.277088268799787</v>
          </cell>
        </row>
        <row r="27">
          <cell r="AA27">
            <v>9</v>
          </cell>
          <cell r="AB27">
            <v>9</v>
          </cell>
          <cell r="AC27">
            <v>9</v>
          </cell>
        </row>
        <row r="28">
          <cell r="AA28">
            <v>6</v>
          </cell>
          <cell r="AB28">
            <v>6</v>
          </cell>
          <cell r="AC28">
            <v>5</v>
          </cell>
        </row>
        <row r="29">
          <cell r="AA29">
            <v>21</v>
          </cell>
          <cell r="AB29">
            <v>21</v>
          </cell>
          <cell r="AC29">
            <v>21</v>
          </cell>
        </row>
        <row r="30">
          <cell r="AA30">
            <v>24</v>
          </cell>
          <cell r="AB30">
            <v>24</v>
          </cell>
          <cell r="AC30">
            <v>24</v>
          </cell>
        </row>
        <row r="31">
          <cell r="AA31">
            <v>58</v>
          </cell>
          <cell r="AB31">
            <v>57</v>
          </cell>
          <cell r="AC31">
            <v>54</v>
          </cell>
        </row>
        <row r="32">
          <cell r="AA32">
            <v>34</v>
          </cell>
          <cell r="AB32">
            <v>32</v>
          </cell>
          <cell r="AC32">
            <v>35</v>
          </cell>
        </row>
        <row r="33">
          <cell r="AA33">
            <v>20487.680000000029</v>
          </cell>
          <cell r="AB33">
            <v>20561.71599537041</v>
          </cell>
          <cell r="AC33">
            <v>19825.144004629648</v>
          </cell>
        </row>
        <row r="34">
          <cell r="AA34">
            <v>8310.8199999999706</v>
          </cell>
          <cell r="AB34">
            <v>7880.7840046295896</v>
          </cell>
          <cell r="AC34">
            <v>6827.8559953703516</v>
          </cell>
        </row>
        <row r="35">
          <cell r="AA35">
            <v>3164</v>
          </cell>
          <cell r="AB35">
            <v>3128</v>
          </cell>
          <cell r="AC35">
            <v>4088</v>
          </cell>
        </row>
        <row r="36">
          <cell r="AA36">
            <v>2680.8361323310401</v>
          </cell>
          <cell r="AB36">
            <v>2602.3270275683826</v>
          </cell>
          <cell r="AC36">
            <v>1929.2333348605769</v>
          </cell>
        </row>
        <row r="37">
          <cell r="AA37">
            <v>1219.1481531581926</v>
          </cell>
          <cell r="AB37">
            <v>1218.237971972243</v>
          </cell>
          <cell r="AC37">
            <v>1246.9081191071887</v>
          </cell>
        </row>
        <row r="38">
          <cell r="AA38">
            <v>0</v>
          </cell>
          <cell r="AB38">
            <v>0</v>
          </cell>
          <cell r="AC38">
            <v>0</v>
          </cell>
        </row>
        <row r="39">
          <cell r="AA39">
            <v>1430.5</v>
          </cell>
          <cell r="AB39">
            <v>1430.5</v>
          </cell>
          <cell r="AC39">
            <v>1430.5</v>
          </cell>
        </row>
        <row r="40">
          <cell r="AA40">
            <v>1792</v>
          </cell>
          <cell r="AB40">
            <v>1792</v>
          </cell>
          <cell r="AC40">
            <v>1792</v>
          </cell>
        </row>
        <row r="41">
          <cell r="AB41">
            <v>0</v>
          </cell>
          <cell r="AC41">
            <v>0</v>
          </cell>
        </row>
        <row r="42">
          <cell r="AA42">
            <v>-147.15702546296234</v>
          </cell>
          <cell r="AB42">
            <v>-147.15702546296234</v>
          </cell>
          <cell r="AC42">
            <v>-147.15702546296234</v>
          </cell>
        </row>
        <row r="43">
          <cell r="AA43">
            <v>4800.3589930555318</v>
          </cell>
          <cell r="AB43">
            <v>4800.3589930555318</v>
          </cell>
          <cell r="AC43">
            <v>4800.3589930555318</v>
          </cell>
        </row>
        <row r="44">
          <cell r="AA44">
            <v>15248</v>
          </cell>
          <cell r="AB44">
            <v>15248</v>
          </cell>
          <cell r="AC44">
            <v>15248</v>
          </cell>
        </row>
        <row r="45">
          <cell r="AA45">
            <v>10064</v>
          </cell>
          <cell r="AB45">
            <v>10064</v>
          </cell>
          <cell r="AC45">
            <v>10064</v>
          </cell>
        </row>
        <row r="46">
          <cell r="AA46">
            <v>44523.5</v>
          </cell>
          <cell r="AB46">
            <v>44523.5</v>
          </cell>
          <cell r="AC46">
            <v>44523.5</v>
          </cell>
        </row>
        <row r="47">
          <cell r="AA47">
            <v>7275</v>
          </cell>
          <cell r="AB47">
            <v>7275</v>
          </cell>
          <cell r="AC47">
            <v>7275</v>
          </cell>
        </row>
        <row r="48">
          <cell r="AA48">
            <v>20607.842974537038</v>
          </cell>
          <cell r="AB48">
            <v>20607.842974537038</v>
          </cell>
          <cell r="AC48">
            <v>20607.842974537038</v>
          </cell>
        </row>
        <row r="49">
          <cell r="AA49">
            <v>66838.358993055532</v>
          </cell>
          <cell r="AB49">
            <v>66838.358993055532</v>
          </cell>
          <cell r="AC49">
            <v>66838.358993055532</v>
          </cell>
        </row>
        <row r="50">
          <cell r="AA50">
            <v>35620.680000000029</v>
          </cell>
          <cell r="AB50">
            <v>35048.71599537041</v>
          </cell>
          <cell r="AC50">
            <v>32717.144004629648</v>
          </cell>
        </row>
        <row r="51">
          <cell r="AA51">
            <v>167497.31999999998</v>
          </cell>
          <cell r="AB51">
            <v>167279.28400462959</v>
          </cell>
          <cell r="AC51">
            <v>157136.85599537034</v>
          </cell>
        </row>
        <row r="52">
          <cell r="AA52">
            <v>54097.5</v>
          </cell>
          <cell r="AB52">
            <v>53966.5</v>
          </cell>
          <cell r="AC52">
            <v>58817.5</v>
          </cell>
        </row>
        <row r="53">
          <cell r="AA53">
            <v>18205</v>
          </cell>
          <cell r="AB53">
            <v>18205</v>
          </cell>
          <cell r="AC53">
            <v>18205</v>
          </cell>
        </row>
        <row r="54">
          <cell r="AA54">
            <v>15510</v>
          </cell>
          <cell r="AB54">
            <v>15510</v>
          </cell>
          <cell r="AC54">
            <v>15384</v>
          </cell>
        </row>
        <row r="55">
          <cell r="AA55">
            <v>44976</v>
          </cell>
          <cell r="AB55">
            <v>44976</v>
          </cell>
          <cell r="AC55">
            <v>44976</v>
          </cell>
        </row>
        <row r="56">
          <cell r="AA56">
            <v>11322</v>
          </cell>
          <cell r="AB56">
            <v>11229</v>
          </cell>
          <cell r="AC56">
            <v>9385</v>
          </cell>
        </row>
        <row r="57">
          <cell r="AA57">
            <v>30564</v>
          </cell>
          <cell r="AB57">
            <v>29867</v>
          </cell>
          <cell r="AC57">
            <v>29290</v>
          </cell>
        </row>
        <row r="58">
          <cell r="AA58">
            <v>82541</v>
          </cell>
          <cell r="AB58">
            <v>82541</v>
          </cell>
          <cell r="AC58">
            <v>72614</v>
          </cell>
        </row>
        <row r="59">
          <cell r="AA59">
            <v>1460</v>
          </cell>
          <cell r="AB59">
            <v>1460</v>
          </cell>
          <cell r="AC59">
            <v>1460</v>
          </cell>
        </row>
        <row r="60">
          <cell r="AA60">
            <v>1538</v>
          </cell>
          <cell r="AB60">
            <v>1538</v>
          </cell>
          <cell r="AC60">
            <v>1551.5</v>
          </cell>
        </row>
        <row r="61">
          <cell r="AA61">
            <v>2132.5</v>
          </cell>
          <cell r="AB61">
            <v>2132.5</v>
          </cell>
          <cell r="AC61">
            <v>2132.5</v>
          </cell>
        </row>
        <row r="62">
          <cell r="AA62">
            <v>1309</v>
          </cell>
          <cell r="AB62">
            <v>1340</v>
          </cell>
          <cell r="AC62">
            <v>1018</v>
          </cell>
        </row>
        <row r="63">
          <cell r="AA63">
            <v>6381</v>
          </cell>
          <cell r="AB63">
            <v>5994</v>
          </cell>
          <cell r="AC63">
            <v>5824</v>
          </cell>
        </row>
        <row r="64">
          <cell r="AA64">
            <v>15978</v>
          </cell>
          <cell r="AB64">
            <v>15978</v>
          </cell>
          <cell r="AC64">
            <v>14667</v>
          </cell>
        </row>
        <row r="65">
          <cell r="AA65">
            <v>4</v>
          </cell>
          <cell r="AB65">
            <v>4</v>
          </cell>
          <cell r="AC65">
            <v>4</v>
          </cell>
        </row>
        <row r="66">
          <cell r="AA66">
            <v>8</v>
          </cell>
          <cell r="AB66">
            <v>8</v>
          </cell>
          <cell r="AC66">
            <v>8</v>
          </cell>
        </row>
        <row r="67">
          <cell r="AA67">
            <v>12</v>
          </cell>
          <cell r="AB67">
            <v>12</v>
          </cell>
          <cell r="AC67">
            <v>12</v>
          </cell>
        </row>
        <row r="68">
          <cell r="AA68">
            <v>5</v>
          </cell>
          <cell r="AB68">
            <v>5</v>
          </cell>
          <cell r="AC68">
            <v>5</v>
          </cell>
        </row>
        <row r="69">
          <cell r="AA69">
            <v>43</v>
          </cell>
          <cell r="AB69">
            <v>40</v>
          </cell>
          <cell r="AC69">
            <v>46</v>
          </cell>
        </row>
        <row r="70">
          <cell r="AA70">
            <v>80</v>
          </cell>
          <cell r="AB70">
            <v>80</v>
          </cell>
          <cell r="AC70">
            <v>73</v>
          </cell>
        </row>
        <row r="71">
          <cell r="AA71">
            <v>1</v>
          </cell>
          <cell r="AB71">
            <v>1</v>
          </cell>
          <cell r="AC71">
            <v>1</v>
          </cell>
        </row>
        <row r="72">
          <cell r="AA72">
            <v>35000</v>
          </cell>
          <cell r="AB72">
            <v>35000</v>
          </cell>
          <cell r="AC72">
            <v>35000</v>
          </cell>
        </row>
        <row r="73">
          <cell r="AA73">
            <v>6.9895968790637197E-2</v>
          </cell>
          <cell r="AB73">
            <v>6.9895968790637197E-2</v>
          </cell>
          <cell r="AC73">
            <v>7.7989042861746682E-2</v>
          </cell>
        </row>
        <row r="74">
          <cell r="AA74">
            <v>14543.730175157825</v>
          </cell>
          <cell r="AB74">
            <v>14543.730175157825</v>
          </cell>
          <cell r="AC74">
            <v>25000</v>
          </cell>
        </row>
        <row r="75">
          <cell r="AA75">
            <v>0.15967174677608442</v>
          </cell>
          <cell r="AB75">
            <v>0.15967174677608442</v>
          </cell>
          <cell r="AC75">
            <v>0.15967174677608442</v>
          </cell>
        </row>
        <row r="76">
          <cell r="AA76">
            <v>23500</v>
          </cell>
          <cell r="AB76">
            <v>23500</v>
          </cell>
          <cell r="AC76">
            <v>23500</v>
          </cell>
        </row>
        <row r="77">
          <cell r="AA77">
            <v>1</v>
          </cell>
          <cell r="AB77">
            <v>1</v>
          </cell>
          <cell r="AC77">
            <v>1</v>
          </cell>
        </row>
        <row r="78">
          <cell r="AA78">
            <v>50000</v>
          </cell>
          <cell r="AB78">
            <v>50000</v>
          </cell>
          <cell r="AC78">
            <v>57729.166666666664</v>
          </cell>
        </row>
        <row r="79">
          <cell r="AA79">
            <v>1</v>
          </cell>
          <cell r="AB79">
            <v>1</v>
          </cell>
          <cell r="AC79">
            <v>1</v>
          </cell>
        </row>
        <row r="80">
          <cell r="AA80">
            <v>32000</v>
          </cell>
          <cell r="AB80">
            <v>32000</v>
          </cell>
          <cell r="AC80">
            <v>31000</v>
          </cell>
        </row>
        <row r="81">
          <cell r="AA81">
            <v>0.69956446407212847</v>
          </cell>
          <cell r="AB81">
            <v>0.69956446407212847</v>
          </cell>
          <cell r="AC81">
            <v>0.67271023433179711</v>
          </cell>
        </row>
        <row r="82">
          <cell r="AA82">
            <v>25000</v>
          </cell>
          <cell r="AB82">
            <v>25000</v>
          </cell>
          <cell r="AC82">
            <v>23500</v>
          </cell>
        </row>
        <row r="83">
          <cell r="AA83">
            <v>502.96010670272869</v>
          </cell>
          <cell r="AB83">
            <v>502.96010670272869</v>
          </cell>
          <cell r="AC83">
            <v>481.7400439203393</v>
          </cell>
        </row>
        <row r="84">
          <cell r="AA84">
            <v>251.73048993434941</v>
          </cell>
          <cell r="AB84">
            <v>251.73048993434941</v>
          </cell>
          <cell r="AC84">
            <v>251.73048993434941</v>
          </cell>
        </row>
      </sheetData>
      <sheetData sheetId="6"/>
      <sheetData sheetId="7"/>
      <sheetData sheetId="8"/>
      <sheetData sheetId="9"/>
      <sheetData sheetId="10"/>
      <sheetData sheetId="11"/>
      <sheetData sheetId="12"/>
      <sheetData sheetId="13"/>
      <sheetData sheetId="14"/>
      <sheetData sheetId="15"/>
      <sheetData sheetId="16"/>
      <sheetData sheetId="17"/>
      <sheetData sheetId="18"/>
      <sheetData sheetId="19"/>
    </sheetDataSet>
  </externalBook>
</externalLink>
</file>

<file path=xl/externalLinks/externalLink3.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sheetNames>
      <sheetName val="Overview"/>
      <sheetName val="FrontPage"/>
      <sheetName val="NordenSummary"/>
      <sheetName val="NordenGraphs"/>
      <sheetName val="CoverageGraphs"/>
      <sheetName val="TCEGraphs"/>
      <sheetName val="NordenUSDSummary"/>
      <sheetName val="NordenWorstCase"/>
      <sheetName val="NordenWClayup"/>
      <sheetName val="NordenScenarios"/>
      <sheetName val="TankPortfolioSummary"/>
      <sheetName val="TankPortfolio"/>
      <sheetName val="BulkPortfolioSummary"/>
      <sheetName val="BulkPortfolio"/>
      <sheetName val="BulkTransactions"/>
      <sheetName val="TreasurySummary"/>
      <sheetName val="TreasuryLiquidity"/>
      <sheetName val="20RateSimulation"/>
      <sheetName val="Handymax data"/>
      <sheetName val="Panamax data"/>
      <sheetName val="oldAframax T data"/>
      <sheetName val="CommitmentList"/>
      <sheetName val="DataToNordenWClayup"/>
    </sheetNames>
    <sheetDataSet>
      <sheetData sheetId="0" refreshError="1"/>
      <sheetData sheetId="1" refreshError="1"/>
      <sheetData sheetId="2" refreshError="1"/>
      <sheetData sheetId="3" refreshError="1"/>
      <sheetData sheetId="4" refreshError="1"/>
      <sheetData sheetId="5" refreshError="1"/>
      <sheetData sheetId="6" refreshError="1"/>
      <sheetData sheetId="7" refreshError="1"/>
      <sheetData sheetId="8" refreshError="1"/>
      <sheetData sheetId="9" refreshError="1"/>
      <sheetData sheetId="10" refreshError="1"/>
      <sheetData sheetId="11" refreshError="1"/>
      <sheetData sheetId="12" refreshError="1"/>
      <sheetData sheetId="13" refreshError="1"/>
      <sheetData sheetId="14" refreshError="1"/>
      <sheetData sheetId="15" refreshError="1"/>
      <sheetData sheetId="16" refreshError="1"/>
      <sheetData sheetId="17" refreshError="1"/>
      <sheetData sheetId="18" refreshError="1"/>
      <sheetData sheetId="19" refreshError="1"/>
      <sheetData sheetId="20" refreshError="1"/>
      <sheetData sheetId="21">
        <row r="21">
          <cell r="AD21" t="str">
            <v>NORDHOLM (50% profit split Attransco)</v>
          </cell>
          <cell r="AE21">
            <v>0.5</v>
          </cell>
        </row>
        <row r="22">
          <cell r="AD22" t="str">
            <v>VesselName2</v>
          </cell>
          <cell r="AE22">
            <v>0.15</v>
          </cell>
        </row>
        <row r="23">
          <cell r="AD23" t="str">
            <v>VesselName3</v>
          </cell>
          <cell r="AE23">
            <v>0.51</v>
          </cell>
        </row>
        <row r="24">
          <cell r="AD24" t="str">
            <v>VesselName4</v>
          </cell>
          <cell r="AE24">
            <v>0.51</v>
          </cell>
        </row>
        <row r="25">
          <cell r="AD25" t="str">
            <v>VesselName5</v>
          </cell>
          <cell r="AE25">
            <v>0.53</v>
          </cell>
        </row>
        <row r="26">
          <cell r="AD26" t="str">
            <v>VesselName6</v>
          </cell>
          <cell r="AE26">
            <v>0.55000000000000004</v>
          </cell>
        </row>
        <row r="27">
          <cell r="AD27" t="str">
            <v>VesselName7</v>
          </cell>
          <cell r="AE27">
            <v>0.66</v>
          </cell>
        </row>
      </sheetData>
      <sheetData sheetId="22" refreshError="1"/>
    </sheetDataSet>
  </externalBook>
</externalLink>
</file>

<file path=xl/externalLinks/externalLink4.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2"/>
    </xxl21:alternateUrls>
    <sheetNames>
      <sheetName val="Valuation of TC Cover"/>
      <sheetName val="Discount"/>
    </sheetNames>
    <sheetDataSet>
      <sheetData sheetId="0" refreshError="1"/>
      <sheetData sheetId="1">
        <row r="3">
          <cell r="C3">
            <v>0.99751550875662531</v>
          </cell>
        </row>
        <row r="4">
          <cell r="C4">
            <v>0.99503719020998926</v>
          </cell>
        </row>
        <row r="5">
          <cell r="C5">
            <v>0.99256502902408028</v>
          </cell>
        </row>
        <row r="6">
          <cell r="C6">
            <v>0.99009900990099009</v>
          </cell>
        </row>
        <row r="7">
          <cell r="C7">
            <v>0.98763911758081713</v>
          </cell>
        </row>
        <row r="8">
          <cell r="C8">
            <v>0.9851853368415735</v>
          </cell>
        </row>
        <row r="9">
          <cell r="C9">
            <v>0.97543102657581526</v>
          </cell>
        </row>
        <row r="10">
          <cell r="C10">
            <v>0.9657732936394211</v>
          </cell>
        </row>
        <row r="11">
          <cell r="C11">
            <v>0.9562111818212089</v>
          </cell>
        </row>
        <row r="12">
          <cell r="C12">
            <v>0.94674374437743458</v>
          </cell>
        </row>
        <row r="13">
          <cell r="C13">
            <v>0.93737004393805401</v>
          </cell>
        </row>
        <row r="14">
          <cell r="C14">
            <v>0.92808915241391476</v>
          </cell>
        </row>
        <row r="15">
          <cell r="C15">
            <v>0.9189001509048661</v>
          </cell>
        </row>
        <row r="16">
          <cell r="C16">
            <v>0.90980212960877827</v>
          </cell>
        </row>
        <row r="17">
          <cell r="C17">
            <v>0.90079418773146369</v>
          </cell>
        </row>
      </sheetData>
    </sheetDataSet>
  </externalBook>
</externalLink>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7.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5.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512A78E-8AF2-4E34-BF0E-BC41CA968F93}">
  <dimension ref="B3:C10"/>
  <sheetViews>
    <sheetView showGridLines="0" workbookViewId="0">
      <selection activeCell="C10" sqref="C10"/>
    </sheetView>
  </sheetViews>
  <sheetFormatPr defaultRowHeight="15" x14ac:dyDescent="0.25"/>
  <cols>
    <col min="2" max="2" width="9.7109375" customWidth="1"/>
    <col min="3" max="3" width="62.7109375" customWidth="1"/>
  </cols>
  <sheetData>
    <row r="3" spans="2:3" ht="29.25" customHeight="1" x14ac:dyDescent="0.25">
      <c r="B3" s="1" t="s">
        <v>0</v>
      </c>
      <c r="C3" s="2"/>
    </row>
    <row r="4" spans="2:3" ht="27" customHeight="1" x14ac:dyDescent="0.25">
      <c r="B4" s="3">
        <v>1</v>
      </c>
      <c r="C4" s="43" t="s">
        <v>181</v>
      </c>
    </row>
    <row r="5" spans="2:3" ht="22.5" customHeight="1" x14ac:dyDescent="0.25">
      <c r="B5" s="4">
        <v>2</v>
      </c>
      <c r="C5" s="5" t="s">
        <v>1</v>
      </c>
    </row>
    <row r="6" spans="2:3" ht="25.5" customHeight="1" x14ac:dyDescent="0.25">
      <c r="B6" s="6"/>
      <c r="C6" s="42" t="s">
        <v>4</v>
      </c>
    </row>
    <row r="7" spans="2:3" ht="27" customHeight="1" x14ac:dyDescent="0.25">
      <c r="B7" s="6"/>
      <c r="C7" s="42" t="s">
        <v>5</v>
      </c>
    </row>
    <row r="8" spans="2:3" ht="22.5" customHeight="1" x14ac:dyDescent="0.25">
      <c r="B8" s="6"/>
      <c r="C8" s="42" t="s">
        <v>2</v>
      </c>
    </row>
    <row r="9" spans="2:3" ht="28.5" customHeight="1" x14ac:dyDescent="0.25">
      <c r="B9" s="6"/>
      <c r="C9" s="42" t="s">
        <v>3</v>
      </c>
    </row>
    <row r="10" spans="2:3" ht="30" customHeight="1" x14ac:dyDescent="0.25">
      <c r="B10" s="7">
        <v>3</v>
      </c>
      <c r="C10" s="167" t="s">
        <v>180</v>
      </c>
    </row>
  </sheetData>
  <hyperlinks>
    <hyperlink ref="C4" location="'Fleet end Q2 2023'!A1" display="Fleet end Q2 2022" xr:uid="{3D5DC727-B04F-4D40-9356-D2DB28998BA1}"/>
    <hyperlink ref="C10" location="'Valuation of TC Cover end Q2'!A1" display="Valuation of TC fleet and cover end Q2 2023" xr:uid="{4C8B9EB0-ECC4-44F3-BD9E-62E9C88C13F0}"/>
    <hyperlink ref="C6" location="'Dry Cargo Table Q2 2023'!A1" display="Dry Cargo Table Q2 2023" xr:uid="{D5146DF5-2BA0-4D3F-AB40-E9267387679F}"/>
    <hyperlink ref="C7" location="'Tankers Table Q2 2023'!A1" display="Tanker Table Q2 2023" xr:uid="{1FD153D9-7192-4CE6-B7E5-568BAF7520F2}"/>
    <hyperlink ref="C8" location="'Dry Cargo Table Q1 2023'!A1" display="Dry Cargo Table Q1 2023" xr:uid="{432C6D4C-26B4-4469-9784-76A855BA637A}"/>
    <hyperlink ref="C9" location="'Tankers Table Q1 2023'!A1" display="Tanker Table Q1 2023" xr:uid="{B28594B8-8092-4BA2-89B0-16C8C8744351}"/>
  </hyperlinks>
  <pageMargins left="0.7" right="0.7" top="0.75" bottom="0.75" header="0.3" footer="0.3"/>
  <pageSetup orientation="portrait" horizontalDpi="300" verticalDpi="300"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4354187-CDF7-473A-A800-3568C402A0B8}">
  <dimension ref="A1:W137"/>
  <sheetViews>
    <sheetView workbookViewId="0"/>
  </sheetViews>
  <sheetFormatPr defaultColWidth="9.140625" defaultRowHeight="12" x14ac:dyDescent="0.2"/>
  <cols>
    <col min="1" max="1" width="25" style="8" bestFit="1" customWidth="1"/>
    <col min="2" max="2" width="11.140625" style="8" customWidth="1"/>
    <col min="3" max="3" width="12" style="8" customWidth="1"/>
    <col min="4" max="4" width="19.7109375" style="8" customWidth="1"/>
    <col min="5" max="5" width="14.85546875" style="9" customWidth="1"/>
    <col min="6" max="6" width="14.85546875" style="10" customWidth="1"/>
    <col min="7" max="8" width="14.85546875" style="11" customWidth="1"/>
    <col min="9" max="9" width="5.5703125" style="8" customWidth="1"/>
    <col min="10" max="10" width="13.28515625" style="8" customWidth="1"/>
    <col min="11" max="12" width="18.28515625" style="8" customWidth="1"/>
    <col min="13" max="13" width="17.85546875" style="8" bestFit="1" customWidth="1"/>
    <col min="14" max="14" width="14.42578125" style="8" bestFit="1" customWidth="1"/>
    <col min="15" max="15" width="14.140625" style="8" bestFit="1" customWidth="1"/>
    <col min="16" max="16" width="14.5703125" style="8" customWidth="1"/>
    <col min="17" max="19" width="9.140625" style="8"/>
    <col min="20" max="20" width="20.28515625" style="8" customWidth="1"/>
    <col min="21" max="16384" width="9.140625" style="8"/>
  </cols>
  <sheetData>
    <row r="1" spans="1:23" x14ac:dyDescent="0.2">
      <c r="J1" s="12"/>
    </row>
    <row r="2" spans="1:23" ht="12.75" customHeight="1" x14ac:dyDescent="0.25">
      <c r="A2" s="13" t="s">
        <v>6</v>
      </c>
      <c r="J2" s="12"/>
    </row>
    <row r="3" spans="1:23" ht="12" customHeight="1" x14ac:dyDescent="0.2"/>
    <row r="4" spans="1:23" ht="12.75" hidden="1" customHeight="1" x14ac:dyDescent="0.2"/>
    <row r="5" spans="1:23" ht="50.25" customHeight="1" x14ac:dyDescent="0.2">
      <c r="A5" s="14" t="s">
        <v>7</v>
      </c>
      <c r="B5" s="15" t="s">
        <v>8</v>
      </c>
      <c r="C5" s="15" t="s">
        <v>9</v>
      </c>
      <c r="D5" s="15" t="s">
        <v>10</v>
      </c>
      <c r="E5" s="16" t="s">
        <v>11</v>
      </c>
      <c r="F5" s="17" t="s">
        <v>12</v>
      </c>
      <c r="G5" s="18" t="s">
        <v>13</v>
      </c>
      <c r="H5" s="18" t="s">
        <v>14</v>
      </c>
      <c r="I5" s="19"/>
    </row>
    <row r="6" spans="1:23" ht="50.25" customHeight="1" thickBot="1" x14ac:dyDescent="0.25">
      <c r="A6" s="20" t="s">
        <v>15</v>
      </c>
      <c r="B6" s="20" t="s">
        <v>16</v>
      </c>
      <c r="C6" s="20" t="s">
        <v>17</v>
      </c>
      <c r="D6" s="20" t="s">
        <v>18</v>
      </c>
      <c r="E6" s="21">
        <v>82354</v>
      </c>
      <c r="F6" s="22">
        <v>2016</v>
      </c>
      <c r="G6" s="23">
        <v>1</v>
      </c>
      <c r="H6" s="24" t="s">
        <v>19</v>
      </c>
      <c r="N6" s="20"/>
      <c r="O6" s="20"/>
      <c r="P6" s="20"/>
      <c r="Q6" s="20"/>
      <c r="R6" s="21"/>
      <c r="S6" s="22"/>
      <c r="T6" s="23"/>
      <c r="U6" s="24"/>
      <c r="W6" s="24"/>
    </row>
    <row r="7" spans="1:23" ht="12.75" customHeight="1" x14ac:dyDescent="0.2">
      <c r="A7" s="20" t="s">
        <v>15</v>
      </c>
      <c r="B7" s="20" t="s">
        <v>16</v>
      </c>
      <c r="C7" s="20" t="s">
        <v>17</v>
      </c>
      <c r="D7" s="20" t="s">
        <v>20</v>
      </c>
      <c r="E7" s="21">
        <v>81841</v>
      </c>
      <c r="F7" s="22">
        <v>2015</v>
      </c>
      <c r="G7" s="23">
        <v>1</v>
      </c>
      <c r="H7" s="24" t="s">
        <v>21</v>
      </c>
      <c r="J7" s="25"/>
      <c r="K7" s="26" t="s">
        <v>22</v>
      </c>
      <c r="L7" s="27" t="s">
        <v>23</v>
      </c>
      <c r="N7" s="20"/>
      <c r="O7" s="20"/>
      <c r="P7" s="20"/>
      <c r="Q7" s="20"/>
      <c r="R7" s="21"/>
      <c r="S7" s="22"/>
      <c r="T7" s="23"/>
      <c r="U7" s="24"/>
      <c r="W7" s="24"/>
    </row>
    <row r="8" spans="1:23" ht="12.75" customHeight="1" x14ac:dyDescent="0.2">
      <c r="A8" s="20" t="s">
        <v>15</v>
      </c>
      <c r="B8" s="20" t="s">
        <v>16</v>
      </c>
      <c r="C8" s="20" t="s">
        <v>17</v>
      </c>
      <c r="D8" s="20" t="s">
        <v>24</v>
      </c>
      <c r="E8" s="21">
        <v>81841</v>
      </c>
      <c r="F8" s="22">
        <v>2015</v>
      </c>
      <c r="G8" s="23">
        <v>1</v>
      </c>
      <c r="H8" s="24" t="s">
        <v>21</v>
      </c>
      <c r="J8" s="28"/>
      <c r="L8" s="29"/>
      <c r="N8" s="20"/>
      <c r="O8" s="20"/>
      <c r="P8" s="20"/>
      <c r="Q8" s="20"/>
      <c r="R8" s="21"/>
      <c r="S8" s="22"/>
      <c r="T8" s="23"/>
      <c r="U8" s="24"/>
      <c r="W8" s="24"/>
    </row>
    <row r="9" spans="1:23" ht="12.75" customHeight="1" x14ac:dyDescent="0.2">
      <c r="A9" s="20" t="s">
        <v>15</v>
      </c>
      <c r="B9" s="20" t="s">
        <v>16</v>
      </c>
      <c r="C9" s="20" t="s">
        <v>25</v>
      </c>
      <c r="D9" s="20" t="s">
        <v>26</v>
      </c>
      <c r="E9" s="21">
        <v>64499</v>
      </c>
      <c r="F9" s="22">
        <v>2020</v>
      </c>
      <c r="G9" s="23">
        <v>1</v>
      </c>
      <c r="H9" s="24" t="s">
        <v>21</v>
      </c>
      <c r="J9" s="30" t="s">
        <v>27</v>
      </c>
      <c r="L9" s="29"/>
      <c r="M9" s="31"/>
      <c r="N9" s="20"/>
      <c r="O9" s="20"/>
      <c r="P9" s="20"/>
      <c r="Q9" s="20"/>
      <c r="R9" s="21"/>
      <c r="S9" s="22"/>
      <c r="T9" s="23"/>
      <c r="U9" s="24"/>
      <c r="W9" s="24"/>
    </row>
    <row r="10" spans="1:23" ht="12.75" customHeight="1" x14ac:dyDescent="0.2">
      <c r="A10" s="20" t="s">
        <v>15</v>
      </c>
      <c r="B10" s="20" t="s">
        <v>16</v>
      </c>
      <c r="C10" s="20" t="s">
        <v>25</v>
      </c>
      <c r="D10" s="20" t="s">
        <v>28</v>
      </c>
      <c r="E10" s="21">
        <v>60436</v>
      </c>
      <c r="F10" s="22">
        <v>2016</v>
      </c>
      <c r="G10" s="23">
        <v>1</v>
      </c>
      <c r="H10" s="24" t="s">
        <v>19</v>
      </c>
      <c r="J10" s="28" t="s">
        <v>29</v>
      </c>
      <c r="K10" s="31">
        <f>COUNTIF($C$6:$C$98,J10)</f>
        <v>3</v>
      </c>
      <c r="L10" s="32">
        <f>COUNTIF($C$101:$C$186,J10)</f>
        <v>1</v>
      </c>
      <c r="M10" s="31"/>
      <c r="N10" s="20"/>
      <c r="O10" s="20"/>
      <c r="P10" s="20"/>
      <c r="Q10" s="20"/>
      <c r="R10" s="21"/>
      <c r="S10" s="22"/>
      <c r="T10" s="23"/>
      <c r="U10" s="24"/>
      <c r="W10" s="24"/>
    </row>
    <row r="11" spans="1:23" ht="12.75" customHeight="1" x14ac:dyDescent="0.2">
      <c r="A11" s="8" t="s">
        <v>15</v>
      </c>
      <c r="B11" s="8" t="s">
        <v>16</v>
      </c>
      <c r="C11" s="8" t="s">
        <v>30</v>
      </c>
      <c r="D11" s="8" t="s">
        <v>31</v>
      </c>
      <c r="E11" s="9">
        <v>179678</v>
      </c>
      <c r="F11" s="10">
        <v>2011</v>
      </c>
      <c r="G11" s="11">
        <v>1</v>
      </c>
      <c r="H11" s="11" t="s">
        <v>21</v>
      </c>
      <c r="J11" s="28" t="s">
        <v>32</v>
      </c>
      <c r="K11" s="31">
        <f>COUNTIF($C$6:$C$98,J11)</f>
        <v>18</v>
      </c>
      <c r="L11" s="32">
        <f>COUNTIF($C$101:$C$186,J11)</f>
        <v>4</v>
      </c>
      <c r="M11" s="31"/>
      <c r="R11" s="9"/>
      <c r="S11" s="10"/>
      <c r="T11" s="11"/>
      <c r="U11" s="11"/>
      <c r="W11" s="24"/>
    </row>
    <row r="12" spans="1:23" ht="12.75" customHeight="1" x14ac:dyDescent="0.2">
      <c r="A12" s="8" t="s">
        <v>15</v>
      </c>
      <c r="B12" s="8" t="s">
        <v>16</v>
      </c>
      <c r="C12" s="8" t="s">
        <v>30</v>
      </c>
      <c r="D12" s="8" t="s">
        <v>33</v>
      </c>
      <c r="E12" s="9">
        <v>179023</v>
      </c>
      <c r="F12" s="10">
        <v>2012</v>
      </c>
      <c r="G12" s="11">
        <v>1</v>
      </c>
      <c r="H12" s="11" t="s">
        <v>19</v>
      </c>
      <c r="J12" s="28" t="s">
        <v>34</v>
      </c>
      <c r="K12" s="31">
        <f>COUNTIF($C$6:$C$98,J12)</f>
        <v>22</v>
      </c>
      <c r="L12" s="32">
        <f>COUNTIF($C$101:$C$186,J12)</f>
        <v>8</v>
      </c>
      <c r="M12" s="31"/>
      <c r="R12" s="9"/>
      <c r="S12" s="10"/>
      <c r="T12" s="11"/>
      <c r="U12" s="11"/>
      <c r="W12" s="24"/>
    </row>
    <row r="13" spans="1:23" ht="12.75" customHeight="1" x14ac:dyDescent="0.2">
      <c r="A13" s="8" t="s">
        <v>15</v>
      </c>
      <c r="B13" s="8" t="s">
        <v>16</v>
      </c>
      <c r="C13" s="8" t="s">
        <v>30</v>
      </c>
      <c r="D13" s="8" t="s">
        <v>35</v>
      </c>
      <c r="E13" s="9">
        <v>179004</v>
      </c>
      <c r="F13" s="10">
        <v>2012</v>
      </c>
      <c r="G13" s="11">
        <v>1</v>
      </c>
      <c r="H13" s="11" t="s">
        <v>19</v>
      </c>
      <c r="J13" s="28" t="s">
        <v>36</v>
      </c>
      <c r="K13" s="31">
        <f>COUNTIF($C$6:$C$98,J13)</f>
        <v>11</v>
      </c>
      <c r="L13" s="32">
        <f>COUNTIF($C$101:$C$186,J13)</f>
        <v>6</v>
      </c>
      <c r="M13" s="31"/>
      <c r="R13" s="9"/>
      <c r="S13" s="10"/>
      <c r="T13" s="11"/>
      <c r="U13" s="11"/>
      <c r="W13" s="24"/>
    </row>
    <row r="14" spans="1:23" ht="12.75" customHeight="1" x14ac:dyDescent="0.2">
      <c r="A14" s="20" t="s">
        <v>15</v>
      </c>
      <c r="B14" s="20" t="s">
        <v>37</v>
      </c>
      <c r="C14" s="20" t="s">
        <v>38</v>
      </c>
      <c r="D14" s="20" t="s">
        <v>39</v>
      </c>
      <c r="E14" s="21">
        <v>50326.2</v>
      </c>
      <c r="F14" s="22">
        <v>2009</v>
      </c>
      <c r="G14" s="23">
        <v>1</v>
      </c>
      <c r="H14" s="24" t="s">
        <v>19</v>
      </c>
      <c r="J14" s="30" t="s">
        <v>40</v>
      </c>
      <c r="L14" s="29"/>
      <c r="M14" s="31"/>
      <c r="N14" s="20"/>
      <c r="O14" s="20"/>
      <c r="P14" s="20"/>
      <c r="Q14" s="20"/>
      <c r="R14" s="21"/>
      <c r="S14" s="22"/>
      <c r="T14" s="23"/>
      <c r="U14" s="24"/>
      <c r="W14" s="24"/>
    </row>
    <row r="15" spans="1:23" ht="12.75" customHeight="1" x14ac:dyDescent="0.2">
      <c r="A15" s="20" t="s">
        <v>15</v>
      </c>
      <c r="B15" s="20" t="s">
        <v>37</v>
      </c>
      <c r="C15" s="20" t="s">
        <v>38</v>
      </c>
      <c r="D15" s="20" t="s">
        <v>41</v>
      </c>
      <c r="E15" s="21">
        <v>50185</v>
      </c>
      <c r="F15" s="22">
        <v>2020</v>
      </c>
      <c r="G15" s="23">
        <v>1</v>
      </c>
      <c r="H15" s="24" t="s">
        <v>21</v>
      </c>
      <c r="J15" s="28" t="s">
        <v>38</v>
      </c>
      <c r="K15" s="31">
        <f>COUNTIF($C$6:$C$98,J15)</f>
        <v>34</v>
      </c>
      <c r="L15" s="32">
        <f>COUNTIF($C$101:$C$186,J15)</f>
        <v>6</v>
      </c>
      <c r="M15" s="31"/>
      <c r="N15" s="20"/>
      <c r="O15" s="20"/>
      <c r="P15" s="20"/>
      <c r="Q15" s="20"/>
      <c r="R15" s="21"/>
      <c r="S15" s="22"/>
      <c r="T15" s="23"/>
      <c r="U15" s="24"/>
      <c r="W15" s="24"/>
    </row>
    <row r="16" spans="1:23" ht="12.75" customHeight="1" x14ac:dyDescent="0.2">
      <c r="A16" s="20" t="s">
        <v>15</v>
      </c>
      <c r="B16" s="20" t="s">
        <v>37</v>
      </c>
      <c r="C16" s="20" t="s">
        <v>38</v>
      </c>
      <c r="D16" s="20" t="s">
        <v>42</v>
      </c>
      <c r="E16" s="21">
        <v>50000</v>
      </c>
      <c r="F16" s="22">
        <v>2023</v>
      </c>
      <c r="G16" s="23">
        <v>1</v>
      </c>
      <c r="H16" s="24" t="s">
        <v>19</v>
      </c>
      <c r="J16" s="28" t="s">
        <v>43</v>
      </c>
      <c r="K16" s="31">
        <f>COUNTIF($C$6:$C$98,J16)</f>
        <v>0</v>
      </c>
      <c r="L16" s="32">
        <f>COUNTIF($C$101:$C$186,J16)</f>
        <v>0</v>
      </c>
      <c r="M16" s="31"/>
      <c r="N16" s="20"/>
      <c r="O16" s="20"/>
      <c r="P16" s="20"/>
      <c r="Q16" s="20"/>
      <c r="R16" s="21"/>
      <c r="S16" s="22"/>
      <c r="T16" s="23"/>
      <c r="U16" s="24"/>
      <c r="W16" s="24"/>
    </row>
    <row r="17" spans="1:23" ht="12.75" customHeight="1" x14ac:dyDescent="0.2">
      <c r="A17" s="20" t="s">
        <v>15</v>
      </c>
      <c r="B17" s="20" t="s">
        <v>37</v>
      </c>
      <c r="C17" s="20" t="s">
        <v>38</v>
      </c>
      <c r="D17" s="20" t="s">
        <v>44</v>
      </c>
      <c r="E17" s="21">
        <v>49998.5</v>
      </c>
      <c r="F17" s="22">
        <v>2013</v>
      </c>
      <c r="G17" s="23">
        <v>1</v>
      </c>
      <c r="H17" s="24" t="s">
        <v>19</v>
      </c>
      <c r="J17" s="28" t="s">
        <v>45</v>
      </c>
      <c r="K17" s="31">
        <f>COUNTIF($C$6:$C$98,J17)</f>
        <v>0</v>
      </c>
      <c r="L17" s="32">
        <f>COUNTIF($C$101:$C$186,J17)</f>
        <v>0</v>
      </c>
      <c r="M17" s="31"/>
      <c r="N17" s="20"/>
      <c r="O17" s="20"/>
      <c r="P17" s="20"/>
      <c r="Q17" s="20"/>
      <c r="R17" s="21"/>
      <c r="S17" s="22"/>
      <c r="T17" s="23"/>
      <c r="U17" s="24"/>
      <c r="W17" s="24"/>
    </row>
    <row r="18" spans="1:23" ht="12.75" customHeight="1" x14ac:dyDescent="0.2">
      <c r="A18" s="20" t="s">
        <v>15</v>
      </c>
      <c r="B18" s="20" t="s">
        <v>37</v>
      </c>
      <c r="C18" s="20" t="s">
        <v>38</v>
      </c>
      <c r="D18" s="20" t="s">
        <v>46</v>
      </c>
      <c r="E18" s="21">
        <v>49998.5</v>
      </c>
      <c r="F18" s="22">
        <v>2013</v>
      </c>
      <c r="G18" s="23">
        <v>1</v>
      </c>
      <c r="H18" s="24" t="s">
        <v>19</v>
      </c>
      <c r="J18" s="33"/>
      <c r="L18" s="32"/>
      <c r="M18" s="31"/>
      <c r="N18" s="20"/>
      <c r="O18" s="20"/>
      <c r="P18" s="20"/>
      <c r="Q18" s="20"/>
      <c r="R18" s="21"/>
      <c r="S18" s="22"/>
      <c r="T18" s="23"/>
      <c r="U18" s="24"/>
      <c r="W18" s="24"/>
    </row>
    <row r="19" spans="1:23" ht="12.75" customHeight="1" thickBot="1" x14ac:dyDescent="0.25">
      <c r="A19" s="20" t="s">
        <v>15</v>
      </c>
      <c r="B19" s="20" t="s">
        <v>37</v>
      </c>
      <c r="C19" s="20" t="s">
        <v>38</v>
      </c>
      <c r="D19" s="20" t="s">
        <v>47</v>
      </c>
      <c r="E19" s="21">
        <v>49936</v>
      </c>
      <c r="F19" s="22">
        <v>2011</v>
      </c>
      <c r="G19" s="23">
        <v>1</v>
      </c>
      <c r="H19" s="24" t="s">
        <v>19</v>
      </c>
      <c r="J19" s="34" t="s">
        <v>48</v>
      </c>
      <c r="K19" s="35">
        <f>SUM(K8:K17)</f>
        <v>88</v>
      </c>
      <c r="L19" s="36">
        <f>SUM(L8:L17)</f>
        <v>25</v>
      </c>
      <c r="N19" s="20"/>
      <c r="O19" s="20"/>
      <c r="P19" s="20"/>
      <c r="Q19" s="20"/>
      <c r="R19" s="21"/>
      <c r="S19" s="22"/>
      <c r="T19" s="23"/>
      <c r="U19" s="24"/>
      <c r="W19" s="24"/>
    </row>
    <row r="20" spans="1:23" ht="12.75" customHeight="1" thickBot="1" x14ac:dyDescent="0.25">
      <c r="A20" s="20" t="s">
        <v>15</v>
      </c>
      <c r="B20" s="20" t="s">
        <v>37</v>
      </c>
      <c r="C20" s="20" t="s">
        <v>38</v>
      </c>
      <c r="D20" s="20" t="s">
        <v>49</v>
      </c>
      <c r="E20" s="21">
        <v>49815</v>
      </c>
      <c r="F20" s="22">
        <v>2020</v>
      </c>
      <c r="G20" s="23">
        <v>1</v>
      </c>
      <c r="H20" s="24" t="s">
        <v>19</v>
      </c>
      <c r="J20" s="34"/>
      <c r="K20" s="35"/>
      <c r="L20" s="36"/>
      <c r="N20" s="20"/>
      <c r="O20" s="20"/>
      <c r="P20" s="20"/>
      <c r="Q20" s="20"/>
      <c r="R20" s="21"/>
      <c r="S20" s="22"/>
      <c r="T20" s="23"/>
      <c r="U20" s="24"/>
      <c r="W20" s="24"/>
    </row>
    <row r="21" spans="1:23" ht="12.75" customHeight="1" x14ac:dyDescent="0.2">
      <c r="A21" s="20" t="s">
        <v>15</v>
      </c>
      <c r="B21" s="20" t="s">
        <v>37</v>
      </c>
      <c r="C21" s="20" t="s">
        <v>38</v>
      </c>
      <c r="D21" s="20" t="s">
        <v>50</v>
      </c>
      <c r="E21" s="21">
        <v>49585.4</v>
      </c>
      <c r="F21" s="22">
        <v>2015</v>
      </c>
      <c r="G21" s="23">
        <v>1</v>
      </c>
      <c r="H21" s="24" t="s">
        <v>21</v>
      </c>
      <c r="N21" s="20"/>
      <c r="O21" s="20"/>
      <c r="P21" s="20"/>
      <c r="Q21" s="20"/>
      <c r="R21" s="21"/>
      <c r="S21" s="22"/>
      <c r="T21" s="23"/>
      <c r="U21" s="24"/>
      <c r="W21" s="24"/>
    </row>
    <row r="22" spans="1:23" ht="12.75" customHeight="1" x14ac:dyDescent="0.2">
      <c r="A22" s="20" t="s">
        <v>15</v>
      </c>
      <c r="B22" s="20" t="s">
        <v>37</v>
      </c>
      <c r="C22" s="20" t="s">
        <v>38</v>
      </c>
      <c r="D22" s="20" t="s">
        <v>51</v>
      </c>
      <c r="E22" s="21">
        <v>49578.8</v>
      </c>
      <c r="F22" s="22">
        <v>2015</v>
      </c>
      <c r="G22" s="23">
        <v>1</v>
      </c>
      <c r="H22" s="24" t="s">
        <v>21</v>
      </c>
      <c r="N22" s="20"/>
      <c r="O22" s="20"/>
      <c r="P22" s="20"/>
      <c r="Q22" s="20"/>
      <c r="R22" s="21"/>
      <c r="S22" s="22"/>
      <c r="T22" s="23"/>
      <c r="U22" s="24"/>
      <c r="W22" s="24"/>
    </row>
    <row r="23" spans="1:23" ht="12.75" customHeight="1" x14ac:dyDescent="0.2">
      <c r="A23" s="20" t="s">
        <v>15</v>
      </c>
      <c r="B23" s="20" t="s">
        <v>37</v>
      </c>
      <c r="C23" s="20" t="s">
        <v>38</v>
      </c>
      <c r="D23" s="20" t="s">
        <v>52</v>
      </c>
      <c r="E23" s="21">
        <v>49573.1</v>
      </c>
      <c r="F23" s="22">
        <v>2015</v>
      </c>
      <c r="G23" s="23">
        <v>1</v>
      </c>
      <c r="H23" s="24" t="s">
        <v>21</v>
      </c>
      <c r="N23" s="20"/>
      <c r="O23" s="20"/>
      <c r="P23" s="20"/>
      <c r="Q23" s="20"/>
      <c r="R23" s="21"/>
      <c r="S23" s="22"/>
      <c r="T23" s="23"/>
      <c r="U23" s="24"/>
      <c r="W23" s="24"/>
    </row>
    <row r="24" spans="1:23" ht="12.75" customHeight="1" x14ac:dyDescent="0.2">
      <c r="A24" s="20" t="s">
        <v>15</v>
      </c>
      <c r="B24" s="20" t="s">
        <v>37</v>
      </c>
      <c r="C24" s="20" t="s">
        <v>38</v>
      </c>
      <c r="D24" s="20" t="s">
        <v>53</v>
      </c>
      <c r="E24" s="21">
        <v>49552.5</v>
      </c>
      <c r="F24" s="22">
        <v>2015</v>
      </c>
      <c r="G24" s="23">
        <v>1</v>
      </c>
      <c r="H24" s="24" t="s">
        <v>21</v>
      </c>
      <c r="N24" s="20"/>
      <c r="O24" s="20"/>
      <c r="P24" s="20"/>
      <c r="Q24" s="20"/>
      <c r="R24" s="21"/>
      <c r="S24" s="22"/>
      <c r="T24" s="23"/>
      <c r="U24" s="24"/>
      <c r="V24" s="23"/>
      <c r="W24" s="24"/>
    </row>
    <row r="25" spans="1:23" ht="12.75" customHeight="1" x14ac:dyDescent="0.2">
      <c r="A25" s="20" t="s">
        <v>54</v>
      </c>
      <c r="B25" s="20" t="s">
        <v>16</v>
      </c>
      <c r="C25" s="20" t="s">
        <v>17</v>
      </c>
      <c r="D25" s="20" t="s">
        <v>55</v>
      </c>
      <c r="E25" s="21">
        <v>84694</v>
      </c>
      <c r="F25" s="22">
        <v>2014</v>
      </c>
      <c r="G25" s="23">
        <v>1</v>
      </c>
      <c r="H25" s="24" t="s">
        <v>19</v>
      </c>
      <c r="N25" s="20"/>
      <c r="O25" s="20"/>
      <c r="P25" s="20"/>
      <c r="Q25" s="20"/>
      <c r="R25" s="21"/>
      <c r="S25" s="22"/>
      <c r="T25" s="23"/>
      <c r="U25" s="24"/>
      <c r="V25" s="23"/>
      <c r="W25" s="24"/>
    </row>
    <row r="26" spans="1:23" ht="12.75" customHeight="1" x14ac:dyDescent="0.2">
      <c r="A26" s="20" t="s">
        <v>54</v>
      </c>
      <c r="B26" s="20" t="s">
        <v>16</v>
      </c>
      <c r="C26" s="20" t="s">
        <v>17</v>
      </c>
      <c r="D26" s="20" t="s">
        <v>56</v>
      </c>
      <c r="E26" s="21">
        <v>82200</v>
      </c>
      <c r="F26" s="22">
        <v>2022</v>
      </c>
      <c r="G26" s="23">
        <v>1</v>
      </c>
      <c r="H26" s="24" t="s">
        <v>21</v>
      </c>
      <c r="N26" s="20"/>
      <c r="O26" s="20"/>
      <c r="P26" s="20"/>
      <c r="Q26" s="20"/>
      <c r="R26" s="21"/>
      <c r="S26" s="22"/>
      <c r="T26" s="23"/>
      <c r="U26" s="24"/>
      <c r="V26" s="23"/>
      <c r="W26" s="24"/>
    </row>
    <row r="27" spans="1:23" ht="12.75" customHeight="1" x14ac:dyDescent="0.2">
      <c r="A27" s="20" t="s">
        <v>54</v>
      </c>
      <c r="B27" s="20" t="s">
        <v>16</v>
      </c>
      <c r="C27" s="20" t="s">
        <v>17</v>
      </c>
      <c r="D27" s="20" t="s">
        <v>57</v>
      </c>
      <c r="E27" s="21">
        <v>82146</v>
      </c>
      <c r="F27" s="22">
        <v>2013</v>
      </c>
      <c r="G27" s="23">
        <v>1</v>
      </c>
      <c r="H27" s="24" t="s">
        <v>19</v>
      </c>
      <c r="R27" s="20"/>
      <c r="S27" s="20"/>
      <c r="T27" s="21"/>
      <c r="U27" s="22"/>
      <c r="V27" s="23"/>
      <c r="W27" s="24"/>
    </row>
    <row r="28" spans="1:23" ht="12.75" customHeight="1" x14ac:dyDescent="0.2">
      <c r="A28" s="20" t="s">
        <v>54</v>
      </c>
      <c r="B28" s="20" t="s">
        <v>16</v>
      </c>
      <c r="C28" s="20" t="s">
        <v>17</v>
      </c>
      <c r="D28" s="20" t="s">
        <v>58</v>
      </c>
      <c r="E28" s="21">
        <v>82000</v>
      </c>
      <c r="F28" s="22">
        <v>2021</v>
      </c>
      <c r="G28" s="23">
        <v>1</v>
      </c>
      <c r="H28" s="24" t="s">
        <v>21</v>
      </c>
      <c r="R28" s="24"/>
    </row>
    <row r="29" spans="1:23" ht="12.75" customHeight="1" x14ac:dyDescent="0.2">
      <c r="A29" s="20" t="s">
        <v>54</v>
      </c>
      <c r="B29" s="20" t="s">
        <v>16</v>
      </c>
      <c r="C29" s="20" t="s">
        <v>17</v>
      </c>
      <c r="D29" s="20" t="s">
        <v>59</v>
      </c>
      <c r="E29" s="21">
        <v>82000</v>
      </c>
      <c r="F29" s="22">
        <v>2022</v>
      </c>
      <c r="G29" s="23">
        <v>1</v>
      </c>
      <c r="H29" s="24" t="s">
        <v>21</v>
      </c>
      <c r="R29" s="24"/>
      <c r="S29" s="37"/>
      <c r="T29" s="37"/>
      <c r="U29" s="38"/>
      <c r="V29" s="37"/>
    </row>
    <row r="30" spans="1:23" ht="12.75" customHeight="1" x14ac:dyDescent="0.2">
      <c r="A30" s="20" t="s">
        <v>54</v>
      </c>
      <c r="B30" s="20" t="s">
        <v>16</v>
      </c>
      <c r="C30" s="20" t="s">
        <v>17</v>
      </c>
      <c r="D30" s="20" t="s">
        <v>60</v>
      </c>
      <c r="E30" s="21">
        <v>81944</v>
      </c>
      <c r="F30" s="22">
        <v>2014</v>
      </c>
      <c r="G30" s="23">
        <v>1</v>
      </c>
      <c r="H30" s="24" t="s">
        <v>19</v>
      </c>
      <c r="R30" s="24"/>
      <c r="S30" s="37"/>
      <c r="T30" s="37"/>
      <c r="U30" s="38"/>
      <c r="V30" s="37"/>
    </row>
    <row r="31" spans="1:23" ht="12.75" customHeight="1" x14ac:dyDescent="0.2">
      <c r="A31" s="20" t="s">
        <v>54</v>
      </c>
      <c r="B31" s="20" t="s">
        <v>16</v>
      </c>
      <c r="C31" s="20" t="s">
        <v>17</v>
      </c>
      <c r="D31" s="20" t="s">
        <v>61</v>
      </c>
      <c r="E31" s="21">
        <v>81944</v>
      </c>
      <c r="F31" s="22">
        <v>2014</v>
      </c>
      <c r="G31" s="23">
        <v>1</v>
      </c>
      <c r="H31" s="24" t="s">
        <v>19</v>
      </c>
      <c r="R31" s="24"/>
      <c r="S31" s="37"/>
      <c r="T31" s="37"/>
      <c r="U31" s="38"/>
      <c r="V31" s="37"/>
    </row>
    <row r="32" spans="1:23" ht="12.75" customHeight="1" x14ac:dyDescent="0.2">
      <c r="A32" s="20" t="s">
        <v>54</v>
      </c>
      <c r="B32" s="20" t="s">
        <v>16</v>
      </c>
      <c r="C32" s="20" t="s">
        <v>17</v>
      </c>
      <c r="D32" s="20" t="s">
        <v>62</v>
      </c>
      <c r="E32" s="21">
        <v>81911</v>
      </c>
      <c r="F32" s="22">
        <v>2020</v>
      </c>
      <c r="G32" s="23">
        <v>1</v>
      </c>
      <c r="H32" s="24" t="s">
        <v>19</v>
      </c>
      <c r="R32" s="24"/>
      <c r="S32" s="37"/>
      <c r="T32" s="37"/>
      <c r="U32" s="38"/>
      <c r="V32" s="37"/>
    </row>
    <row r="33" spans="1:22" ht="12.75" customHeight="1" x14ac:dyDescent="0.2">
      <c r="A33" s="20" t="s">
        <v>54</v>
      </c>
      <c r="B33" s="20" t="s">
        <v>16</v>
      </c>
      <c r="C33" s="20" t="s">
        <v>17</v>
      </c>
      <c r="D33" s="20" t="s">
        <v>63</v>
      </c>
      <c r="E33" s="21">
        <v>81795</v>
      </c>
      <c r="F33" s="22">
        <v>2020</v>
      </c>
      <c r="G33" s="23">
        <v>1</v>
      </c>
      <c r="H33" s="24" t="s">
        <v>21</v>
      </c>
      <c r="R33" s="24"/>
      <c r="S33" s="37"/>
      <c r="T33" s="37"/>
      <c r="U33" s="38"/>
      <c r="V33" s="37"/>
    </row>
    <row r="34" spans="1:22" ht="12.75" customHeight="1" x14ac:dyDescent="0.2">
      <c r="A34" s="20" t="s">
        <v>54</v>
      </c>
      <c r="B34" s="20" t="s">
        <v>16</v>
      </c>
      <c r="C34" s="20" t="s">
        <v>17</v>
      </c>
      <c r="D34" s="20" t="s">
        <v>64</v>
      </c>
      <c r="E34" s="21">
        <v>81795</v>
      </c>
      <c r="F34" s="22">
        <v>2020</v>
      </c>
      <c r="G34" s="23">
        <v>1</v>
      </c>
      <c r="H34" s="24" t="s">
        <v>21</v>
      </c>
      <c r="R34" s="24"/>
      <c r="S34" s="37"/>
      <c r="T34" s="37"/>
      <c r="U34" s="38"/>
      <c r="V34" s="37"/>
    </row>
    <row r="35" spans="1:22" ht="12.75" customHeight="1" x14ac:dyDescent="0.2">
      <c r="A35" s="20" t="s">
        <v>54</v>
      </c>
      <c r="B35" s="20" t="s">
        <v>16</v>
      </c>
      <c r="C35" s="20" t="s">
        <v>17</v>
      </c>
      <c r="D35" s="20" t="s">
        <v>65</v>
      </c>
      <c r="E35" s="21">
        <v>81791</v>
      </c>
      <c r="F35" s="22">
        <v>2016</v>
      </c>
      <c r="G35" s="23">
        <v>1</v>
      </c>
      <c r="H35" s="24" t="s">
        <v>19</v>
      </c>
      <c r="R35" s="24"/>
      <c r="S35" s="37"/>
      <c r="T35" s="37"/>
      <c r="U35" s="38"/>
      <c r="V35" s="37"/>
    </row>
    <row r="36" spans="1:22" ht="12.75" customHeight="1" x14ac:dyDescent="0.2">
      <c r="A36" s="20" t="s">
        <v>54</v>
      </c>
      <c r="B36" s="20" t="s">
        <v>16</v>
      </c>
      <c r="C36" s="20" t="s">
        <v>17</v>
      </c>
      <c r="D36" s="20" t="s">
        <v>66</v>
      </c>
      <c r="E36" s="21">
        <v>81791</v>
      </c>
      <c r="F36" s="22">
        <v>2016</v>
      </c>
      <c r="G36" s="23">
        <v>1</v>
      </c>
      <c r="H36" s="24" t="s">
        <v>19</v>
      </c>
      <c r="R36" s="24"/>
      <c r="S36" s="37"/>
      <c r="T36" s="37"/>
      <c r="U36" s="38"/>
      <c r="V36" s="37"/>
    </row>
    <row r="37" spans="1:22" ht="12.75" customHeight="1" x14ac:dyDescent="0.2">
      <c r="A37" s="8" t="s">
        <v>54</v>
      </c>
      <c r="B37" s="8" t="s">
        <v>16</v>
      </c>
      <c r="C37" s="8" t="s">
        <v>17</v>
      </c>
      <c r="D37" s="8" t="s">
        <v>67</v>
      </c>
      <c r="E37" s="9">
        <v>81718</v>
      </c>
      <c r="F37" s="10">
        <v>2016</v>
      </c>
      <c r="G37" s="11">
        <v>1</v>
      </c>
      <c r="H37" s="24" t="s">
        <v>19</v>
      </c>
      <c r="R37" s="24"/>
      <c r="S37" s="37"/>
      <c r="T37" s="37"/>
      <c r="U37" s="38"/>
      <c r="V37" s="37"/>
    </row>
    <row r="38" spans="1:22" ht="12.75" customHeight="1" x14ac:dyDescent="0.2">
      <c r="A38" s="20" t="s">
        <v>54</v>
      </c>
      <c r="B38" s="20" t="s">
        <v>16</v>
      </c>
      <c r="C38" s="20" t="s">
        <v>17</v>
      </c>
      <c r="D38" s="20" t="s">
        <v>68</v>
      </c>
      <c r="E38" s="21">
        <v>81601</v>
      </c>
      <c r="F38" s="22">
        <v>2020</v>
      </c>
      <c r="G38" s="23">
        <v>1</v>
      </c>
      <c r="H38" s="24" t="s">
        <v>19</v>
      </c>
      <c r="R38" s="24"/>
      <c r="S38" s="37"/>
      <c r="T38" s="37"/>
      <c r="U38" s="38"/>
      <c r="V38" s="37"/>
    </row>
    <row r="39" spans="1:22" ht="12.75" customHeight="1" x14ac:dyDescent="0.2">
      <c r="A39" s="20" t="s">
        <v>54</v>
      </c>
      <c r="B39" s="20" t="s">
        <v>16</v>
      </c>
      <c r="C39" s="20" t="s">
        <v>17</v>
      </c>
      <c r="D39" s="20" t="s">
        <v>69</v>
      </c>
      <c r="E39" s="21">
        <v>77134</v>
      </c>
      <c r="F39" s="22">
        <v>2014</v>
      </c>
      <c r="G39" s="23">
        <v>1</v>
      </c>
      <c r="H39" s="24" t="s">
        <v>19</v>
      </c>
      <c r="R39" s="24"/>
      <c r="S39" s="37"/>
      <c r="T39" s="37"/>
      <c r="U39" s="38"/>
      <c r="V39" s="37"/>
    </row>
    <row r="40" spans="1:22" ht="12.75" customHeight="1" x14ac:dyDescent="0.2">
      <c r="A40" s="20" t="s">
        <v>54</v>
      </c>
      <c r="B40" s="20" t="s">
        <v>16</v>
      </c>
      <c r="C40" s="20" t="s">
        <v>25</v>
      </c>
      <c r="D40" s="20" t="s">
        <v>70</v>
      </c>
      <c r="E40" s="21">
        <v>64050</v>
      </c>
      <c r="F40" s="22">
        <v>2020</v>
      </c>
      <c r="G40" s="23">
        <v>1</v>
      </c>
      <c r="H40" s="24" t="s">
        <v>21</v>
      </c>
      <c r="R40" s="24"/>
      <c r="S40" s="37"/>
      <c r="T40" s="37"/>
      <c r="U40" s="38"/>
      <c r="V40" s="37"/>
    </row>
    <row r="41" spans="1:22" ht="12.75" customHeight="1" x14ac:dyDescent="0.2">
      <c r="A41" s="8" t="s">
        <v>54</v>
      </c>
      <c r="B41" s="8" t="s">
        <v>16</v>
      </c>
      <c r="C41" s="8" t="s">
        <v>25</v>
      </c>
      <c r="D41" s="20" t="s">
        <v>71</v>
      </c>
      <c r="E41" s="21">
        <v>64000</v>
      </c>
      <c r="F41" s="22">
        <v>2022</v>
      </c>
      <c r="G41" s="23">
        <v>1</v>
      </c>
      <c r="H41" s="24" t="s">
        <v>19</v>
      </c>
      <c r="R41" s="24"/>
      <c r="S41" s="37"/>
      <c r="T41" s="37"/>
      <c r="U41" s="38"/>
      <c r="V41" s="37"/>
    </row>
    <row r="42" spans="1:22" ht="12.75" customHeight="1" x14ac:dyDescent="0.2">
      <c r="A42" s="20" t="s">
        <v>54</v>
      </c>
      <c r="B42" s="20" t="s">
        <v>16</v>
      </c>
      <c r="C42" s="20" t="s">
        <v>25</v>
      </c>
      <c r="D42" s="20" t="s">
        <v>72</v>
      </c>
      <c r="E42" s="21">
        <v>63960</v>
      </c>
      <c r="F42" s="22">
        <v>2020</v>
      </c>
      <c r="G42" s="23">
        <v>1</v>
      </c>
      <c r="H42" s="24" t="s">
        <v>21</v>
      </c>
      <c r="R42" s="24"/>
      <c r="S42" s="37"/>
      <c r="T42" s="37"/>
      <c r="U42" s="38"/>
      <c r="V42" s="37"/>
    </row>
    <row r="43" spans="1:22" ht="12.75" customHeight="1" x14ac:dyDescent="0.2">
      <c r="A43" s="20" t="s">
        <v>54</v>
      </c>
      <c r="B43" s="20" t="s">
        <v>16</v>
      </c>
      <c r="C43" s="20" t="s">
        <v>25</v>
      </c>
      <c r="D43" s="20" t="s">
        <v>73</v>
      </c>
      <c r="E43" s="21">
        <v>63547</v>
      </c>
      <c r="F43" s="22">
        <v>2020</v>
      </c>
      <c r="G43" s="23">
        <v>1</v>
      </c>
      <c r="H43" s="24" t="s">
        <v>19</v>
      </c>
      <c r="R43" s="24"/>
    </row>
    <row r="44" spans="1:22" ht="12.75" customHeight="1" x14ac:dyDescent="0.2">
      <c r="A44" s="20" t="s">
        <v>54</v>
      </c>
      <c r="B44" s="20" t="s">
        <v>16</v>
      </c>
      <c r="C44" s="8" t="s">
        <v>25</v>
      </c>
      <c r="D44" s="8" t="s">
        <v>74</v>
      </c>
      <c r="E44" s="9">
        <v>63343</v>
      </c>
      <c r="F44" s="10">
        <v>2020</v>
      </c>
      <c r="G44" s="23">
        <v>1</v>
      </c>
      <c r="H44" s="24" t="s">
        <v>21</v>
      </c>
      <c r="R44" s="24"/>
    </row>
    <row r="45" spans="1:22" ht="12.75" customHeight="1" x14ac:dyDescent="0.2">
      <c r="A45" s="8" t="s">
        <v>54</v>
      </c>
      <c r="B45" s="8" t="s">
        <v>16</v>
      </c>
      <c r="C45" s="8" t="s">
        <v>25</v>
      </c>
      <c r="D45" s="8" t="s">
        <v>75</v>
      </c>
      <c r="E45" s="9">
        <v>63343</v>
      </c>
      <c r="F45" s="10">
        <v>2019</v>
      </c>
      <c r="G45" s="11">
        <v>1</v>
      </c>
      <c r="H45" s="24" t="s">
        <v>21</v>
      </c>
      <c r="R45" s="24"/>
    </row>
    <row r="46" spans="1:22" ht="12.75" customHeight="1" x14ac:dyDescent="0.2">
      <c r="A46" s="20" t="s">
        <v>54</v>
      </c>
      <c r="B46" s="20" t="s">
        <v>16</v>
      </c>
      <c r="C46" s="20" t="s">
        <v>25</v>
      </c>
      <c r="D46" s="20" t="s">
        <v>76</v>
      </c>
      <c r="E46" s="21">
        <v>63300</v>
      </c>
      <c r="F46" s="22">
        <v>2020</v>
      </c>
      <c r="G46" s="23">
        <v>1</v>
      </c>
      <c r="H46" s="24" t="s">
        <v>21</v>
      </c>
      <c r="R46" s="24"/>
    </row>
    <row r="47" spans="1:22" ht="12.75" customHeight="1" x14ac:dyDescent="0.2">
      <c r="A47" s="20" t="s">
        <v>54</v>
      </c>
      <c r="B47" s="20" t="s">
        <v>16</v>
      </c>
      <c r="C47" s="20" t="s">
        <v>25</v>
      </c>
      <c r="D47" s="20" t="s">
        <v>77</v>
      </c>
      <c r="E47" s="21">
        <v>61377</v>
      </c>
      <c r="F47" s="22">
        <v>2013</v>
      </c>
      <c r="G47" s="23">
        <v>1</v>
      </c>
      <c r="H47" s="24" t="s">
        <v>21</v>
      </c>
      <c r="R47" s="24"/>
    </row>
    <row r="48" spans="1:22" ht="12.75" customHeight="1" x14ac:dyDescent="0.2">
      <c r="A48" s="8" t="s">
        <v>54</v>
      </c>
      <c r="B48" s="8" t="s">
        <v>16</v>
      </c>
      <c r="C48" s="8" t="s">
        <v>25</v>
      </c>
      <c r="D48" s="20" t="s">
        <v>78</v>
      </c>
      <c r="E48" s="9">
        <v>61263</v>
      </c>
      <c r="F48" s="10">
        <v>2022</v>
      </c>
      <c r="G48" s="11">
        <v>1</v>
      </c>
      <c r="H48" s="24" t="s">
        <v>19</v>
      </c>
      <c r="R48" s="24"/>
    </row>
    <row r="49" spans="1:18" ht="12.75" customHeight="1" x14ac:dyDescent="0.2">
      <c r="A49" s="8" t="s">
        <v>54</v>
      </c>
      <c r="B49" s="8" t="s">
        <v>16</v>
      </c>
      <c r="C49" s="8" t="s">
        <v>25</v>
      </c>
      <c r="D49" s="20" t="s">
        <v>79</v>
      </c>
      <c r="E49" s="9">
        <v>61254</v>
      </c>
      <c r="F49" s="10">
        <v>2016</v>
      </c>
      <c r="G49" s="11">
        <v>1</v>
      </c>
      <c r="H49" s="24" t="s">
        <v>19</v>
      </c>
      <c r="R49" s="24"/>
    </row>
    <row r="50" spans="1:18" ht="12.75" customHeight="1" x14ac:dyDescent="0.2">
      <c r="A50" s="20" t="s">
        <v>54</v>
      </c>
      <c r="B50" s="20" t="s">
        <v>16</v>
      </c>
      <c r="C50" s="20" t="s">
        <v>25</v>
      </c>
      <c r="D50" s="20" t="s">
        <v>80</v>
      </c>
      <c r="E50" s="21">
        <v>61221</v>
      </c>
      <c r="F50" s="22">
        <v>2018</v>
      </c>
      <c r="G50" s="23">
        <v>1</v>
      </c>
      <c r="H50" s="24" t="s">
        <v>19</v>
      </c>
      <c r="R50" s="24"/>
    </row>
    <row r="51" spans="1:18" ht="12.75" customHeight="1" x14ac:dyDescent="0.2">
      <c r="A51" s="8" t="s">
        <v>54</v>
      </c>
      <c r="B51" s="8" t="s">
        <v>16</v>
      </c>
      <c r="C51" s="8" t="s">
        <v>25</v>
      </c>
      <c r="D51" s="20" t="s">
        <v>81</v>
      </c>
      <c r="E51" s="9">
        <v>61000</v>
      </c>
      <c r="F51" s="10">
        <v>2021</v>
      </c>
      <c r="G51" s="11">
        <v>1</v>
      </c>
      <c r="H51" s="24" t="s">
        <v>19</v>
      </c>
      <c r="R51" s="24"/>
    </row>
    <row r="52" spans="1:18" ht="12.75" customHeight="1" x14ac:dyDescent="0.2">
      <c r="A52" s="20" t="s">
        <v>54</v>
      </c>
      <c r="B52" s="20" t="s">
        <v>16</v>
      </c>
      <c r="C52" s="20" t="s">
        <v>25</v>
      </c>
      <c r="D52" s="20" t="s">
        <v>82</v>
      </c>
      <c r="E52" s="21">
        <v>60457</v>
      </c>
      <c r="F52" s="22">
        <v>2016</v>
      </c>
      <c r="G52" s="23">
        <v>1</v>
      </c>
      <c r="H52" s="24" t="s">
        <v>19</v>
      </c>
      <c r="R52" s="24"/>
    </row>
    <row r="53" spans="1:18" ht="12.75" customHeight="1" x14ac:dyDescent="0.2">
      <c r="A53" s="20" t="s">
        <v>54</v>
      </c>
      <c r="B53" s="20" t="s">
        <v>16</v>
      </c>
      <c r="C53" s="20" t="s">
        <v>25</v>
      </c>
      <c r="D53" s="20" t="s">
        <v>83</v>
      </c>
      <c r="E53" s="21">
        <v>60447</v>
      </c>
      <c r="F53" s="22">
        <v>2016</v>
      </c>
      <c r="G53" s="23">
        <v>1</v>
      </c>
      <c r="H53" s="24" t="s">
        <v>21</v>
      </c>
      <c r="R53" s="24"/>
    </row>
    <row r="54" spans="1:18" ht="12.75" customHeight="1" x14ac:dyDescent="0.2">
      <c r="A54" s="8" t="s">
        <v>54</v>
      </c>
      <c r="B54" s="8" t="s">
        <v>16</v>
      </c>
      <c r="C54" s="8" t="s">
        <v>25</v>
      </c>
      <c r="D54" s="20" t="s">
        <v>84</v>
      </c>
      <c r="E54" s="9">
        <v>60430</v>
      </c>
      <c r="F54" s="10">
        <v>2017</v>
      </c>
      <c r="G54" s="11">
        <v>1</v>
      </c>
      <c r="H54" s="24" t="s">
        <v>19</v>
      </c>
      <c r="R54" s="24"/>
    </row>
    <row r="55" spans="1:18" ht="12.75" customHeight="1" x14ac:dyDescent="0.2">
      <c r="A55" s="20" t="s">
        <v>54</v>
      </c>
      <c r="B55" s="20" t="s">
        <v>16</v>
      </c>
      <c r="C55" s="20" t="s">
        <v>25</v>
      </c>
      <c r="D55" s="20" t="s">
        <v>85</v>
      </c>
      <c r="E55" s="21">
        <v>60393</v>
      </c>
      <c r="F55" s="22">
        <v>2018</v>
      </c>
      <c r="G55" s="23">
        <v>1</v>
      </c>
      <c r="H55" s="24" t="s">
        <v>21</v>
      </c>
      <c r="R55" s="24"/>
    </row>
    <row r="56" spans="1:18" ht="12.75" customHeight="1" x14ac:dyDescent="0.2">
      <c r="A56" s="20" t="s">
        <v>54</v>
      </c>
      <c r="B56" s="20" t="s">
        <v>16</v>
      </c>
      <c r="C56" s="20" t="s">
        <v>25</v>
      </c>
      <c r="D56" s="20" t="s">
        <v>86</v>
      </c>
      <c r="E56" s="21">
        <v>60236</v>
      </c>
      <c r="F56" s="22">
        <v>2018</v>
      </c>
      <c r="G56" s="23">
        <v>1</v>
      </c>
      <c r="H56" s="24" t="s">
        <v>19</v>
      </c>
      <c r="R56" s="24"/>
    </row>
    <row r="57" spans="1:18" ht="12.75" customHeight="1" x14ac:dyDescent="0.2">
      <c r="A57" s="20" t="s">
        <v>54</v>
      </c>
      <c r="B57" s="20" t="s">
        <v>16</v>
      </c>
      <c r="C57" s="20" t="s">
        <v>25</v>
      </c>
      <c r="D57" s="20" t="s">
        <v>87</v>
      </c>
      <c r="E57" s="21">
        <v>60195</v>
      </c>
      <c r="F57" s="22">
        <v>2017</v>
      </c>
      <c r="G57" s="23">
        <v>1</v>
      </c>
      <c r="H57" s="24" t="s">
        <v>19</v>
      </c>
      <c r="R57" s="24"/>
    </row>
    <row r="58" spans="1:18" ht="12.75" customHeight="1" x14ac:dyDescent="0.2">
      <c r="A58" s="20" t="s">
        <v>54</v>
      </c>
      <c r="B58" s="20" t="s">
        <v>16</v>
      </c>
      <c r="C58" s="8" t="s">
        <v>25</v>
      </c>
      <c r="D58" s="8" t="s">
        <v>88</v>
      </c>
      <c r="E58" s="9">
        <v>57631</v>
      </c>
      <c r="F58" s="10">
        <v>2016</v>
      </c>
      <c r="G58" s="23">
        <v>1</v>
      </c>
      <c r="H58" s="24" t="s">
        <v>19</v>
      </c>
      <c r="R58" s="24"/>
    </row>
    <row r="59" spans="1:18" ht="12.75" customHeight="1" x14ac:dyDescent="0.2">
      <c r="A59" s="8" t="s">
        <v>54</v>
      </c>
      <c r="B59" s="8" t="s">
        <v>16</v>
      </c>
      <c r="C59" s="8" t="s">
        <v>25</v>
      </c>
      <c r="D59" s="8" t="s">
        <v>89</v>
      </c>
      <c r="E59" s="9">
        <v>55888</v>
      </c>
      <c r="F59" s="10">
        <v>2014</v>
      </c>
      <c r="G59" s="11">
        <v>1</v>
      </c>
      <c r="H59" s="24" t="s">
        <v>19</v>
      </c>
      <c r="R59" s="24"/>
    </row>
    <row r="60" spans="1:18" ht="12.75" customHeight="1" x14ac:dyDescent="0.2">
      <c r="A60" s="20" t="s">
        <v>54</v>
      </c>
      <c r="B60" s="20" t="s">
        <v>16</v>
      </c>
      <c r="C60" s="8" t="s">
        <v>90</v>
      </c>
      <c r="D60" s="20" t="s">
        <v>91</v>
      </c>
      <c r="E60" s="21">
        <v>42200</v>
      </c>
      <c r="F60" s="22">
        <v>2022</v>
      </c>
      <c r="G60" s="23">
        <v>1</v>
      </c>
      <c r="H60" s="24" t="s">
        <v>19</v>
      </c>
      <c r="R60" s="24"/>
    </row>
    <row r="61" spans="1:18" ht="12.75" customHeight="1" x14ac:dyDescent="0.2">
      <c r="A61" s="20" t="s">
        <v>54</v>
      </c>
      <c r="B61" s="20" t="s">
        <v>16</v>
      </c>
      <c r="C61" s="20" t="s">
        <v>90</v>
      </c>
      <c r="D61" s="20" t="s">
        <v>92</v>
      </c>
      <c r="E61" s="21">
        <v>42000</v>
      </c>
      <c r="F61" s="22">
        <v>2022</v>
      </c>
      <c r="G61" s="23">
        <v>1</v>
      </c>
      <c r="H61" s="24" t="s">
        <v>19</v>
      </c>
      <c r="R61" s="24"/>
    </row>
    <row r="62" spans="1:18" ht="12.75" customHeight="1" x14ac:dyDescent="0.2">
      <c r="A62" s="20" t="s">
        <v>54</v>
      </c>
      <c r="B62" s="20" t="s">
        <v>16</v>
      </c>
      <c r="C62" s="20" t="s">
        <v>90</v>
      </c>
      <c r="D62" s="20" t="s">
        <v>93</v>
      </c>
      <c r="E62" s="21">
        <v>40000</v>
      </c>
      <c r="F62" s="22">
        <v>2023</v>
      </c>
      <c r="G62" s="23">
        <v>1</v>
      </c>
      <c r="H62" s="24" t="s">
        <v>19</v>
      </c>
      <c r="R62" s="24"/>
    </row>
    <row r="63" spans="1:18" ht="12.75" customHeight="1" x14ac:dyDescent="0.2">
      <c r="A63" s="20" t="s">
        <v>54</v>
      </c>
      <c r="B63" s="20" t="s">
        <v>16</v>
      </c>
      <c r="C63" s="20" t="s">
        <v>90</v>
      </c>
      <c r="D63" s="20" t="s">
        <v>94</v>
      </c>
      <c r="E63" s="21">
        <v>39700</v>
      </c>
      <c r="F63" s="22">
        <v>2022</v>
      </c>
      <c r="G63" s="23">
        <v>1</v>
      </c>
      <c r="H63" s="24" t="s">
        <v>19</v>
      </c>
      <c r="R63" s="24"/>
    </row>
    <row r="64" spans="1:18" ht="12.75" customHeight="1" x14ac:dyDescent="0.2">
      <c r="A64" s="20" t="s">
        <v>54</v>
      </c>
      <c r="B64" s="20" t="s">
        <v>16</v>
      </c>
      <c r="C64" s="20" t="s">
        <v>90</v>
      </c>
      <c r="D64" s="20" t="s">
        <v>95</v>
      </c>
      <c r="E64" s="21">
        <v>37803</v>
      </c>
      <c r="F64" s="22">
        <v>2020</v>
      </c>
      <c r="G64" s="23">
        <v>1</v>
      </c>
      <c r="H64" s="24" t="s">
        <v>19</v>
      </c>
      <c r="R64" s="24"/>
    </row>
    <row r="65" spans="1:18" ht="12.75" customHeight="1" x14ac:dyDescent="0.2">
      <c r="A65" s="20" t="s">
        <v>54</v>
      </c>
      <c r="B65" s="20" t="s">
        <v>16</v>
      </c>
      <c r="C65" s="20" t="s">
        <v>90</v>
      </c>
      <c r="D65" s="20" t="s">
        <v>96</v>
      </c>
      <c r="E65" s="21">
        <v>37800</v>
      </c>
      <c r="F65" s="22">
        <v>2021</v>
      </c>
      <c r="G65" s="23">
        <v>1</v>
      </c>
      <c r="H65" s="24" t="s">
        <v>19</v>
      </c>
      <c r="R65" s="24"/>
    </row>
    <row r="66" spans="1:18" ht="12.75" customHeight="1" x14ac:dyDescent="0.2">
      <c r="A66" s="20" t="s">
        <v>54</v>
      </c>
      <c r="B66" s="20" t="s">
        <v>16</v>
      </c>
      <c r="C66" s="20" t="s">
        <v>90</v>
      </c>
      <c r="D66" s="20" t="s">
        <v>97</v>
      </c>
      <c r="E66" s="21">
        <v>37800</v>
      </c>
      <c r="F66" s="22">
        <v>2020</v>
      </c>
      <c r="G66" s="23">
        <v>1</v>
      </c>
      <c r="H66" s="24" t="s">
        <v>19</v>
      </c>
      <c r="R66" s="24"/>
    </row>
    <row r="67" spans="1:18" ht="12.75" customHeight="1" x14ac:dyDescent="0.2">
      <c r="A67" s="20" t="s">
        <v>54</v>
      </c>
      <c r="B67" s="20" t="s">
        <v>16</v>
      </c>
      <c r="C67" s="20" t="s">
        <v>90</v>
      </c>
      <c r="D67" s="20" t="s">
        <v>98</v>
      </c>
      <c r="E67" s="21">
        <v>37500</v>
      </c>
      <c r="F67" s="22">
        <v>2021</v>
      </c>
      <c r="G67" s="23">
        <v>1</v>
      </c>
      <c r="H67" s="24" t="s">
        <v>19</v>
      </c>
      <c r="R67" s="24"/>
    </row>
    <row r="68" spans="1:18" ht="12.75" customHeight="1" x14ac:dyDescent="0.2">
      <c r="A68" s="20" t="s">
        <v>54</v>
      </c>
      <c r="B68" s="20" t="s">
        <v>16</v>
      </c>
      <c r="C68" s="8" t="s">
        <v>90</v>
      </c>
      <c r="D68" s="20" t="s">
        <v>99</v>
      </c>
      <c r="E68" s="21">
        <v>37500</v>
      </c>
      <c r="F68" s="22">
        <v>2022</v>
      </c>
      <c r="G68" s="23">
        <v>1</v>
      </c>
      <c r="H68" s="24" t="s">
        <v>19</v>
      </c>
      <c r="R68" s="24"/>
    </row>
    <row r="69" spans="1:18" ht="12.75" customHeight="1" x14ac:dyDescent="0.2">
      <c r="A69" s="20" t="s">
        <v>54</v>
      </c>
      <c r="B69" s="20" t="s">
        <v>16</v>
      </c>
      <c r="C69" s="20" t="s">
        <v>90</v>
      </c>
      <c r="D69" s="20" t="s">
        <v>100</v>
      </c>
      <c r="E69" s="21">
        <v>37067</v>
      </c>
      <c r="F69" s="22">
        <v>2013</v>
      </c>
      <c r="G69" s="23">
        <v>1</v>
      </c>
      <c r="H69" s="24" t="s">
        <v>19</v>
      </c>
      <c r="R69" s="24"/>
    </row>
    <row r="70" spans="1:18" ht="12.75" customHeight="1" x14ac:dyDescent="0.2">
      <c r="A70" s="20" t="s">
        <v>54</v>
      </c>
      <c r="B70" s="20" t="s">
        <v>16</v>
      </c>
      <c r="C70" s="20" t="s">
        <v>90</v>
      </c>
      <c r="D70" s="20" t="s">
        <v>101</v>
      </c>
      <c r="E70" s="21">
        <v>36570</v>
      </c>
      <c r="F70" s="22">
        <v>2012</v>
      </c>
      <c r="G70" s="23">
        <v>1</v>
      </c>
      <c r="H70" s="24" t="s">
        <v>19</v>
      </c>
      <c r="R70" s="24"/>
    </row>
    <row r="71" spans="1:18" ht="12.75" customHeight="1" x14ac:dyDescent="0.2">
      <c r="A71" s="8" t="s">
        <v>54</v>
      </c>
      <c r="B71" s="8" t="s">
        <v>37</v>
      </c>
      <c r="C71" s="8" t="s">
        <v>38</v>
      </c>
      <c r="D71" s="8" t="s">
        <v>102</v>
      </c>
      <c r="E71" s="9">
        <v>52825</v>
      </c>
      <c r="F71" s="10">
        <v>2020</v>
      </c>
      <c r="G71" s="11">
        <v>1</v>
      </c>
      <c r="H71" s="24" t="s">
        <v>21</v>
      </c>
      <c r="R71" s="24"/>
    </row>
    <row r="72" spans="1:18" ht="12.75" customHeight="1" x14ac:dyDescent="0.2">
      <c r="A72" s="8" t="s">
        <v>54</v>
      </c>
      <c r="B72" s="8" t="s">
        <v>37</v>
      </c>
      <c r="C72" s="8" t="s">
        <v>38</v>
      </c>
      <c r="D72" s="8" t="s">
        <v>103</v>
      </c>
      <c r="E72" s="9">
        <v>52825</v>
      </c>
      <c r="F72" s="10">
        <v>2021</v>
      </c>
      <c r="G72" s="11">
        <v>1</v>
      </c>
      <c r="H72" s="24" t="s">
        <v>21</v>
      </c>
      <c r="R72" s="24"/>
    </row>
    <row r="73" spans="1:18" ht="12.75" customHeight="1" x14ac:dyDescent="0.2">
      <c r="A73" s="8" t="s">
        <v>54</v>
      </c>
      <c r="B73" s="8" t="s">
        <v>37</v>
      </c>
      <c r="C73" s="8" t="s">
        <v>38</v>
      </c>
      <c r="D73" s="8" t="s">
        <v>104</v>
      </c>
      <c r="E73" s="9">
        <v>51000</v>
      </c>
      <c r="F73" s="10">
        <v>2022</v>
      </c>
      <c r="G73" s="11">
        <v>1</v>
      </c>
      <c r="H73" s="24" t="s">
        <v>21</v>
      </c>
      <c r="R73" s="39"/>
    </row>
    <row r="74" spans="1:18" ht="12.75" customHeight="1" x14ac:dyDescent="0.2">
      <c r="A74" s="8" t="s">
        <v>54</v>
      </c>
      <c r="B74" s="8" t="s">
        <v>37</v>
      </c>
      <c r="C74" s="8" t="s">
        <v>38</v>
      </c>
      <c r="D74" s="8" t="s">
        <v>105</v>
      </c>
      <c r="E74" s="9">
        <v>50550</v>
      </c>
      <c r="F74" s="10">
        <v>2018</v>
      </c>
      <c r="G74" s="11">
        <v>1</v>
      </c>
      <c r="H74" s="24" t="s">
        <v>19</v>
      </c>
      <c r="R74" s="39"/>
    </row>
    <row r="75" spans="1:18" ht="12.75" customHeight="1" x14ac:dyDescent="0.2">
      <c r="A75" s="8" t="s">
        <v>54</v>
      </c>
      <c r="B75" s="8" t="s">
        <v>37</v>
      </c>
      <c r="C75" s="8" t="s">
        <v>38</v>
      </c>
      <c r="D75" s="8" t="s">
        <v>106</v>
      </c>
      <c r="E75" s="9">
        <v>50550</v>
      </c>
      <c r="F75" s="10">
        <v>2019</v>
      </c>
      <c r="G75" s="11">
        <v>1</v>
      </c>
      <c r="H75" s="24" t="s">
        <v>19</v>
      </c>
      <c r="R75" s="39"/>
    </row>
    <row r="76" spans="1:18" ht="12.75" customHeight="1" x14ac:dyDescent="0.2">
      <c r="A76" s="8" t="s">
        <v>54</v>
      </c>
      <c r="B76" s="8" t="s">
        <v>37</v>
      </c>
      <c r="C76" s="8" t="s">
        <v>38</v>
      </c>
      <c r="D76" s="8" t="s">
        <v>107</v>
      </c>
      <c r="E76" s="9">
        <v>50494</v>
      </c>
      <c r="F76" s="10">
        <v>2020</v>
      </c>
      <c r="G76" s="11">
        <v>1</v>
      </c>
      <c r="H76" s="24" t="s">
        <v>21</v>
      </c>
      <c r="R76" s="39"/>
    </row>
    <row r="77" spans="1:18" ht="12.75" customHeight="1" x14ac:dyDescent="0.2">
      <c r="A77" s="8" t="s">
        <v>54</v>
      </c>
      <c r="B77" s="8" t="s">
        <v>37</v>
      </c>
      <c r="C77" s="8" t="s">
        <v>38</v>
      </c>
      <c r="D77" s="8" t="s">
        <v>108</v>
      </c>
      <c r="E77" s="9">
        <v>50383</v>
      </c>
      <c r="F77" s="10">
        <v>2020</v>
      </c>
      <c r="G77" s="11">
        <v>1</v>
      </c>
      <c r="H77" s="24" t="s">
        <v>21</v>
      </c>
      <c r="R77" s="39"/>
    </row>
    <row r="78" spans="1:18" ht="12.75" customHeight="1" x14ac:dyDescent="0.2">
      <c r="A78" s="8" t="s">
        <v>54</v>
      </c>
      <c r="B78" s="8" t="s">
        <v>37</v>
      </c>
      <c r="C78" s="8" t="s">
        <v>38</v>
      </c>
      <c r="D78" s="8" t="s">
        <v>109</v>
      </c>
      <c r="E78" s="9">
        <v>50360</v>
      </c>
      <c r="F78" s="10">
        <v>2019</v>
      </c>
      <c r="G78" s="11">
        <v>1</v>
      </c>
      <c r="H78" s="24" t="s">
        <v>21</v>
      </c>
      <c r="R78" s="39"/>
    </row>
    <row r="79" spans="1:18" ht="12.75" customHeight="1" x14ac:dyDescent="0.2">
      <c r="A79" s="8" t="s">
        <v>54</v>
      </c>
      <c r="B79" s="8" t="s">
        <v>37</v>
      </c>
      <c r="C79" s="8" t="s">
        <v>38</v>
      </c>
      <c r="D79" s="8" t="s">
        <v>110</v>
      </c>
      <c r="E79" s="9">
        <v>50000</v>
      </c>
      <c r="F79" s="10">
        <v>2020</v>
      </c>
      <c r="G79" s="11">
        <v>1</v>
      </c>
      <c r="H79" s="24" t="s">
        <v>21</v>
      </c>
      <c r="R79" s="39"/>
    </row>
    <row r="80" spans="1:18" customFormat="1" ht="12.75" customHeight="1" x14ac:dyDescent="0.25">
      <c r="A80" s="8" t="s">
        <v>54</v>
      </c>
      <c r="B80" s="8" t="s">
        <v>37</v>
      </c>
      <c r="C80" s="8" t="s">
        <v>38</v>
      </c>
      <c r="D80" s="8" t="s">
        <v>111</v>
      </c>
      <c r="E80" s="9">
        <v>50000</v>
      </c>
      <c r="F80" s="10">
        <v>2022</v>
      </c>
      <c r="G80" s="11">
        <v>1</v>
      </c>
      <c r="H80" s="24" t="s">
        <v>21</v>
      </c>
      <c r="I80" s="8"/>
      <c r="J80" s="8"/>
      <c r="K80" s="8"/>
      <c r="L80" s="8"/>
      <c r="M80" s="8"/>
      <c r="N80" s="8"/>
      <c r="O80" s="8"/>
      <c r="P80" s="8"/>
      <c r="Q80" s="8"/>
      <c r="R80" s="39"/>
    </row>
    <row r="81" spans="1:18" ht="12.75" customHeight="1" x14ac:dyDescent="0.2">
      <c r="A81" s="20" t="s">
        <v>54</v>
      </c>
      <c r="B81" s="20" t="s">
        <v>37</v>
      </c>
      <c r="C81" s="20" t="s">
        <v>38</v>
      </c>
      <c r="D81" s="20" t="s">
        <v>112</v>
      </c>
      <c r="E81" s="21">
        <v>50000</v>
      </c>
      <c r="F81" s="22">
        <v>2023</v>
      </c>
      <c r="G81" s="23">
        <v>1</v>
      </c>
      <c r="H81" s="24" t="s">
        <v>21</v>
      </c>
      <c r="R81" s="39"/>
    </row>
    <row r="82" spans="1:18" ht="12.75" customHeight="1" x14ac:dyDescent="0.2">
      <c r="A82" s="8" t="s">
        <v>54</v>
      </c>
      <c r="B82" s="8" t="s">
        <v>37</v>
      </c>
      <c r="C82" s="8" t="s">
        <v>38</v>
      </c>
      <c r="D82" s="8" t="s">
        <v>113</v>
      </c>
      <c r="E82" s="9">
        <v>49999</v>
      </c>
      <c r="F82" s="10">
        <v>2021</v>
      </c>
      <c r="G82" s="11">
        <v>1</v>
      </c>
      <c r="H82" s="24" t="s">
        <v>19</v>
      </c>
      <c r="R82" s="39"/>
    </row>
    <row r="83" spans="1:18" ht="12.75" customHeight="1" x14ac:dyDescent="0.2">
      <c r="A83" s="8" t="s">
        <v>54</v>
      </c>
      <c r="B83" s="8" t="s">
        <v>37</v>
      </c>
      <c r="C83" s="8" t="s">
        <v>38</v>
      </c>
      <c r="D83" s="8" t="s">
        <v>114</v>
      </c>
      <c r="E83" s="9">
        <v>49999</v>
      </c>
      <c r="F83" s="10">
        <v>2021</v>
      </c>
      <c r="G83" s="11">
        <v>1</v>
      </c>
      <c r="H83" s="24" t="s">
        <v>19</v>
      </c>
      <c r="R83" s="39"/>
    </row>
    <row r="84" spans="1:18" ht="12.75" customHeight="1" x14ac:dyDescent="0.2">
      <c r="A84" s="8" t="s">
        <v>54</v>
      </c>
      <c r="B84" s="8" t="s">
        <v>37</v>
      </c>
      <c r="C84" s="8" t="s">
        <v>38</v>
      </c>
      <c r="D84" s="8" t="s">
        <v>115</v>
      </c>
      <c r="E84" s="9">
        <v>49999</v>
      </c>
      <c r="F84" s="10">
        <v>2021</v>
      </c>
      <c r="G84" s="11">
        <v>1</v>
      </c>
      <c r="H84" s="24" t="s">
        <v>19</v>
      </c>
      <c r="R84" s="39"/>
    </row>
    <row r="85" spans="1:18" ht="12.75" customHeight="1" x14ac:dyDescent="0.2">
      <c r="A85" s="8" t="s">
        <v>54</v>
      </c>
      <c r="B85" s="8" t="s">
        <v>37</v>
      </c>
      <c r="C85" s="8" t="s">
        <v>38</v>
      </c>
      <c r="D85" s="8" t="s">
        <v>116</v>
      </c>
      <c r="E85" s="9">
        <v>49999</v>
      </c>
      <c r="F85" s="10">
        <v>2022</v>
      </c>
      <c r="G85" s="11">
        <v>1</v>
      </c>
      <c r="H85" s="24" t="s">
        <v>19</v>
      </c>
      <c r="R85" s="39"/>
    </row>
    <row r="86" spans="1:18" ht="12.75" customHeight="1" x14ac:dyDescent="0.2">
      <c r="A86" s="8" t="s">
        <v>54</v>
      </c>
      <c r="B86" s="8" t="s">
        <v>37</v>
      </c>
      <c r="C86" s="8" t="s">
        <v>38</v>
      </c>
      <c r="D86" s="8" t="s">
        <v>117</v>
      </c>
      <c r="E86" s="9">
        <v>49998</v>
      </c>
      <c r="F86" s="10">
        <v>2021</v>
      </c>
      <c r="G86" s="11">
        <v>1</v>
      </c>
      <c r="H86" s="24" t="s">
        <v>19</v>
      </c>
      <c r="R86" s="39"/>
    </row>
    <row r="87" spans="1:18" ht="12.75" customHeight="1" x14ac:dyDescent="0.2">
      <c r="A87" s="8" t="s">
        <v>54</v>
      </c>
      <c r="B87" s="8" t="s">
        <v>37</v>
      </c>
      <c r="C87" s="8" t="s">
        <v>38</v>
      </c>
      <c r="D87" s="8" t="s">
        <v>118</v>
      </c>
      <c r="E87" s="9">
        <v>49996</v>
      </c>
      <c r="F87" s="10">
        <v>2018</v>
      </c>
      <c r="G87" s="11">
        <v>1</v>
      </c>
      <c r="H87" s="24" t="s">
        <v>19</v>
      </c>
      <c r="R87" s="39"/>
    </row>
    <row r="88" spans="1:18" ht="12.75" customHeight="1" x14ac:dyDescent="0.2">
      <c r="A88" s="8" t="s">
        <v>54</v>
      </c>
      <c r="B88" s="8" t="s">
        <v>37</v>
      </c>
      <c r="C88" s="8" t="s">
        <v>38</v>
      </c>
      <c r="D88" s="8" t="s">
        <v>119</v>
      </c>
      <c r="E88" s="9">
        <v>49995</v>
      </c>
      <c r="F88" s="10">
        <v>2021</v>
      </c>
      <c r="G88" s="11">
        <v>1</v>
      </c>
      <c r="H88" s="24" t="s">
        <v>21</v>
      </c>
      <c r="R88" s="39"/>
    </row>
    <row r="89" spans="1:18" ht="12.75" customHeight="1" x14ac:dyDescent="0.2">
      <c r="A89" s="8" t="s">
        <v>54</v>
      </c>
      <c r="B89" s="8" t="s">
        <v>37</v>
      </c>
      <c r="C89" s="8" t="s">
        <v>38</v>
      </c>
      <c r="D89" s="8" t="s">
        <v>120</v>
      </c>
      <c r="E89" s="9">
        <v>49995</v>
      </c>
      <c r="F89" s="10">
        <v>2018</v>
      </c>
      <c r="G89" s="11">
        <v>1</v>
      </c>
      <c r="H89" s="24" t="s">
        <v>19</v>
      </c>
      <c r="R89" s="39"/>
    </row>
    <row r="90" spans="1:18" ht="12.75" customHeight="1" x14ac:dyDescent="0.2">
      <c r="A90" s="8" t="s">
        <v>54</v>
      </c>
      <c r="B90" s="8" t="s">
        <v>37</v>
      </c>
      <c r="C90" s="8" t="s">
        <v>38</v>
      </c>
      <c r="D90" s="8" t="s">
        <v>121</v>
      </c>
      <c r="E90" s="9">
        <v>49995</v>
      </c>
      <c r="F90" s="10">
        <v>2021</v>
      </c>
      <c r="G90" s="11">
        <v>1</v>
      </c>
      <c r="H90" s="24" t="s">
        <v>19</v>
      </c>
      <c r="R90" s="39"/>
    </row>
    <row r="91" spans="1:18" ht="12.75" customHeight="1" x14ac:dyDescent="0.2">
      <c r="A91" s="8" t="s">
        <v>54</v>
      </c>
      <c r="B91" s="8" t="s">
        <v>37</v>
      </c>
      <c r="C91" s="8" t="s">
        <v>38</v>
      </c>
      <c r="D91" s="8" t="s">
        <v>122</v>
      </c>
      <c r="E91" s="9">
        <v>49994</v>
      </c>
      <c r="F91" s="10">
        <v>2022</v>
      </c>
      <c r="G91" s="11">
        <v>1</v>
      </c>
      <c r="H91" s="11" t="s">
        <v>19</v>
      </c>
      <c r="R91" s="39"/>
    </row>
    <row r="92" spans="1:18" ht="12.75" customHeight="1" x14ac:dyDescent="0.2">
      <c r="A92" s="8" t="s">
        <v>54</v>
      </c>
      <c r="B92" s="8" t="s">
        <v>37</v>
      </c>
      <c r="C92" s="8" t="s">
        <v>38</v>
      </c>
      <c r="D92" s="8" t="s">
        <v>123</v>
      </c>
      <c r="E92" s="9">
        <v>49927</v>
      </c>
      <c r="F92" s="10">
        <v>2017</v>
      </c>
      <c r="G92" s="11">
        <v>1</v>
      </c>
      <c r="H92" s="24" t="s">
        <v>21</v>
      </c>
      <c r="R92" s="39"/>
    </row>
    <row r="93" spans="1:18" ht="12.75" customHeight="1" x14ac:dyDescent="0.2">
      <c r="A93" s="8" t="s">
        <v>54</v>
      </c>
      <c r="B93" s="8" t="s">
        <v>37</v>
      </c>
      <c r="C93" s="8" t="s">
        <v>38</v>
      </c>
      <c r="D93" s="8" t="s">
        <v>124</v>
      </c>
      <c r="E93" s="9">
        <v>49874</v>
      </c>
      <c r="F93" s="10">
        <v>2018</v>
      </c>
      <c r="G93" s="11">
        <v>1</v>
      </c>
      <c r="H93" s="24" t="s">
        <v>19</v>
      </c>
      <c r="R93" s="39"/>
    </row>
    <row r="94" spans="1:18" ht="12.75" customHeight="1" x14ac:dyDescent="0.2">
      <c r="E94" s="8"/>
      <c r="F94" s="8"/>
      <c r="G94" s="8"/>
      <c r="H94" s="8"/>
      <c r="R94" s="39"/>
    </row>
    <row r="95" spans="1:18" ht="12.75" customHeight="1" x14ac:dyDescent="0.2">
      <c r="E95" s="8"/>
      <c r="F95" s="8"/>
      <c r="G95" s="8"/>
      <c r="H95" s="8"/>
      <c r="O95" s="40"/>
      <c r="Q95" s="41"/>
      <c r="R95" s="39"/>
    </row>
    <row r="96" spans="1:18" ht="12.75" customHeight="1" x14ac:dyDescent="0.2">
      <c r="O96" s="40"/>
      <c r="Q96" s="41"/>
      <c r="R96" s="39"/>
    </row>
    <row r="97" spans="1:18" ht="12.75" customHeight="1" x14ac:dyDescent="0.2">
      <c r="A97" s="20"/>
      <c r="B97" s="20"/>
      <c r="C97" s="20"/>
      <c r="D97" s="20"/>
      <c r="E97" s="21"/>
      <c r="F97" s="22"/>
      <c r="G97" s="23"/>
      <c r="H97" s="24"/>
      <c r="O97" s="40"/>
      <c r="Q97" s="41"/>
      <c r="R97" s="39"/>
    </row>
    <row r="98" spans="1:18" ht="12.75" customHeight="1" x14ac:dyDescent="0.2">
      <c r="A98" s="20"/>
      <c r="B98" s="20"/>
      <c r="C98" s="20"/>
      <c r="D98" s="20"/>
      <c r="E98" s="21"/>
      <c r="F98" s="22"/>
      <c r="G98" s="23"/>
      <c r="H98" s="24"/>
      <c r="O98" s="40"/>
      <c r="Q98" s="41"/>
      <c r="R98" s="39"/>
    </row>
    <row r="99" spans="1:18" ht="12.75" customHeight="1" x14ac:dyDescent="0.2">
      <c r="A99" s="20"/>
      <c r="B99" s="20"/>
      <c r="C99" s="20"/>
      <c r="D99" s="20"/>
      <c r="E99" s="21"/>
      <c r="F99" s="22"/>
      <c r="G99" s="23"/>
      <c r="H99" s="24"/>
      <c r="O99" s="40"/>
      <c r="Q99" s="41"/>
      <c r="R99" s="39"/>
    </row>
    <row r="100" spans="1:18" ht="32.450000000000003" customHeight="1" x14ac:dyDescent="0.2">
      <c r="A100" s="14" t="s">
        <v>23</v>
      </c>
      <c r="B100" s="15" t="s">
        <v>8</v>
      </c>
      <c r="C100" s="15" t="s">
        <v>9</v>
      </c>
      <c r="D100" s="15" t="s">
        <v>10</v>
      </c>
      <c r="E100" s="16" t="s">
        <v>11</v>
      </c>
      <c r="F100" s="17" t="s">
        <v>12</v>
      </c>
      <c r="G100" s="18" t="s">
        <v>13</v>
      </c>
      <c r="H100" s="18" t="s">
        <v>14</v>
      </c>
      <c r="O100" s="40"/>
      <c r="Q100" s="41"/>
      <c r="R100" s="39"/>
    </row>
    <row r="101" spans="1:18" ht="12.75" customHeight="1" x14ac:dyDescent="0.2">
      <c r="A101" s="20" t="s">
        <v>15</v>
      </c>
      <c r="B101" s="20" t="s">
        <v>16</v>
      </c>
      <c r="C101" s="20" t="s">
        <v>30</v>
      </c>
      <c r="D101" s="20" t="s">
        <v>125</v>
      </c>
      <c r="E101" s="21">
        <v>179546</v>
      </c>
      <c r="F101" s="22" t="s">
        <v>126</v>
      </c>
      <c r="G101" s="23">
        <v>1</v>
      </c>
      <c r="H101" s="24" t="s">
        <v>21</v>
      </c>
      <c r="O101" s="40"/>
      <c r="Q101" s="41"/>
      <c r="R101" s="39"/>
    </row>
    <row r="102" spans="1:18" ht="12.75" customHeight="1" x14ac:dyDescent="0.2">
      <c r="A102" s="20" t="s">
        <v>15</v>
      </c>
      <c r="B102" s="20" t="s">
        <v>16</v>
      </c>
      <c r="C102" s="8" t="s">
        <v>25</v>
      </c>
      <c r="D102" s="8" t="s">
        <v>127</v>
      </c>
      <c r="E102" s="9">
        <v>64000</v>
      </c>
      <c r="F102" s="10">
        <v>2025</v>
      </c>
      <c r="G102" s="23">
        <v>1</v>
      </c>
      <c r="H102" s="24" t="s">
        <v>19</v>
      </c>
      <c r="O102" s="40"/>
      <c r="Q102" s="41"/>
      <c r="R102" s="39"/>
    </row>
    <row r="103" spans="1:18" ht="12.75" customHeight="1" x14ac:dyDescent="0.2">
      <c r="A103" s="20" t="s">
        <v>15</v>
      </c>
      <c r="B103" s="20" t="s">
        <v>16</v>
      </c>
      <c r="C103" s="8" t="s">
        <v>25</v>
      </c>
      <c r="D103" s="8" t="s">
        <v>128</v>
      </c>
      <c r="E103" s="9">
        <v>64000</v>
      </c>
      <c r="F103" s="10">
        <v>2025</v>
      </c>
      <c r="G103" s="23">
        <v>1</v>
      </c>
      <c r="H103" s="24" t="s">
        <v>19</v>
      </c>
      <c r="O103" s="40"/>
      <c r="Q103" s="41"/>
      <c r="R103" s="39"/>
    </row>
    <row r="104" spans="1:18" ht="12.75" customHeight="1" x14ac:dyDescent="0.2">
      <c r="A104" s="20" t="s">
        <v>15</v>
      </c>
      <c r="B104" s="20" t="s">
        <v>16</v>
      </c>
      <c r="C104" s="8" t="s">
        <v>25</v>
      </c>
      <c r="D104" s="8" t="s">
        <v>129</v>
      </c>
      <c r="E104" s="9">
        <v>64000</v>
      </c>
      <c r="F104" s="10">
        <v>2025</v>
      </c>
      <c r="G104" s="23">
        <v>1</v>
      </c>
      <c r="H104" s="24" t="s">
        <v>19</v>
      </c>
      <c r="O104" s="40"/>
      <c r="Q104" s="41"/>
      <c r="R104" s="39"/>
    </row>
    <row r="105" spans="1:18" ht="12.75" customHeight="1" x14ac:dyDescent="0.2">
      <c r="A105" s="20" t="s">
        <v>15</v>
      </c>
      <c r="B105" s="20" t="s">
        <v>16</v>
      </c>
      <c r="C105" s="8" t="s">
        <v>25</v>
      </c>
      <c r="D105" s="8" t="s">
        <v>130</v>
      </c>
      <c r="E105" s="9">
        <v>64000</v>
      </c>
      <c r="F105" s="10">
        <v>2025</v>
      </c>
      <c r="G105" s="23">
        <v>1</v>
      </c>
      <c r="H105" s="24" t="s">
        <v>19</v>
      </c>
      <c r="O105" s="40"/>
      <c r="Q105" s="41"/>
      <c r="R105" s="39"/>
    </row>
    <row r="106" spans="1:18" ht="12.75" customHeight="1" x14ac:dyDescent="0.2">
      <c r="A106" s="20" t="s">
        <v>15</v>
      </c>
      <c r="B106" s="20" t="s">
        <v>16</v>
      </c>
      <c r="C106" s="8" t="s">
        <v>25</v>
      </c>
      <c r="D106" s="8" t="s">
        <v>131</v>
      </c>
      <c r="E106" s="9">
        <v>64000</v>
      </c>
      <c r="F106" s="10">
        <v>2025</v>
      </c>
      <c r="G106" s="23">
        <v>1</v>
      </c>
      <c r="H106" s="24" t="s">
        <v>19</v>
      </c>
      <c r="O106" s="40"/>
      <c r="Q106" s="41"/>
      <c r="R106" s="39"/>
    </row>
    <row r="107" spans="1:18" ht="12.75" customHeight="1" x14ac:dyDescent="0.2">
      <c r="A107" s="20" t="s">
        <v>15</v>
      </c>
      <c r="B107" s="20" t="s">
        <v>16</v>
      </c>
      <c r="C107" s="8" t="s">
        <v>25</v>
      </c>
      <c r="D107" s="8" t="s">
        <v>132</v>
      </c>
      <c r="E107" s="9">
        <v>64000</v>
      </c>
      <c r="F107" s="10">
        <v>2025</v>
      </c>
      <c r="G107" s="23">
        <v>1</v>
      </c>
      <c r="H107" s="24" t="s">
        <v>19</v>
      </c>
      <c r="O107" s="40"/>
      <c r="Q107" s="41"/>
      <c r="R107" s="39"/>
    </row>
    <row r="108" spans="1:18" ht="12.75" customHeight="1" x14ac:dyDescent="0.2">
      <c r="A108" s="20" t="s">
        <v>54</v>
      </c>
      <c r="B108" s="20" t="s">
        <v>16</v>
      </c>
      <c r="C108" s="20" t="s">
        <v>17</v>
      </c>
      <c r="D108" s="20" t="s">
        <v>133</v>
      </c>
      <c r="E108" s="21">
        <v>87000</v>
      </c>
      <c r="F108" s="22">
        <v>2024</v>
      </c>
      <c r="G108" s="23">
        <v>1</v>
      </c>
      <c r="H108" s="24" t="s">
        <v>19</v>
      </c>
      <c r="K108" s="20"/>
      <c r="L108" s="20"/>
      <c r="M108" s="20"/>
      <c r="N108" s="20"/>
      <c r="O108" s="21"/>
      <c r="P108" s="22"/>
      <c r="Q108" s="23"/>
      <c r="R108" s="24"/>
    </row>
    <row r="109" spans="1:18" ht="12.75" customHeight="1" x14ac:dyDescent="0.2">
      <c r="A109" s="20" t="s">
        <v>54</v>
      </c>
      <c r="B109" s="20" t="s">
        <v>16</v>
      </c>
      <c r="C109" s="20" t="s">
        <v>17</v>
      </c>
      <c r="D109" s="20" t="s">
        <v>134</v>
      </c>
      <c r="E109" s="21">
        <v>88400</v>
      </c>
      <c r="F109" s="22">
        <v>2026</v>
      </c>
      <c r="G109" s="23">
        <v>1</v>
      </c>
      <c r="H109" s="24" t="s">
        <v>19</v>
      </c>
      <c r="K109" s="20"/>
      <c r="L109" s="20"/>
      <c r="M109" s="20"/>
      <c r="N109" s="20"/>
      <c r="O109" s="21"/>
      <c r="P109" s="22"/>
      <c r="Q109" s="23"/>
      <c r="R109" s="24"/>
    </row>
    <row r="110" spans="1:18" ht="12.75" customHeight="1" x14ac:dyDescent="0.2">
      <c r="A110" s="20" t="s">
        <v>54</v>
      </c>
      <c r="B110" s="20" t="s">
        <v>16</v>
      </c>
      <c r="C110" s="20" t="s">
        <v>17</v>
      </c>
      <c r="D110" s="20" t="s">
        <v>135</v>
      </c>
      <c r="E110" s="21">
        <v>88400</v>
      </c>
      <c r="F110" s="22">
        <v>2026</v>
      </c>
      <c r="G110" s="23">
        <v>1</v>
      </c>
      <c r="H110" s="24" t="s">
        <v>19</v>
      </c>
      <c r="K110" s="20"/>
      <c r="L110" s="20"/>
      <c r="M110" s="20"/>
      <c r="N110" s="20"/>
      <c r="O110" s="21"/>
      <c r="P110" s="22"/>
      <c r="Q110" s="23"/>
      <c r="R110" s="24"/>
    </row>
    <row r="111" spans="1:18" ht="12.75" customHeight="1" x14ac:dyDescent="0.2">
      <c r="A111" s="20" t="s">
        <v>54</v>
      </c>
      <c r="B111" s="20" t="s">
        <v>16</v>
      </c>
      <c r="C111" s="20" t="s">
        <v>17</v>
      </c>
      <c r="D111" s="20" t="s">
        <v>136</v>
      </c>
      <c r="E111" s="21">
        <v>87000</v>
      </c>
      <c r="F111" s="22" t="s">
        <v>137</v>
      </c>
      <c r="G111" s="23">
        <v>1</v>
      </c>
      <c r="H111" s="24" t="s">
        <v>19</v>
      </c>
    </row>
    <row r="112" spans="1:18" x14ac:dyDescent="0.2">
      <c r="A112" s="20" t="s">
        <v>54</v>
      </c>
      <c r="B112" s="20" t="s">
        <v>16</v>
      </c>
      <c r="C112" s="8" t="s">
        <v>25</v>
      </c>
      <c r="D112" s="8" t="s">
        <v>138</v>
      </c>
      <c r="E112" s="9">
        <v>63500</v>
      </c>
      <c r="F112" s="10" t="s">
        <v>137</v>
      </c>
      <c r="G112" s="23">
        <v>1</v>
      </c>
      <c r="H112" s="24" t="s">
        <v>19</v>
      </c>
      <c r="I112" s="19"/>
    </row>
    <row r="113" spans="1:9" x14ac:dyDescent="0.2">
      <c r="A113" s="20" t="s">
        <v>54</v>
      </c>
      <c r="B113" s="20" t="s">
        <v>16</v>
      </c>
      <c r="C113" s="8" t="s">
        <v>25</v>
      </c>
      <c r="D113" s="8" t="s">
        <v>139</v>
      </c>
      <c r="E113" s="9">
        <v>64150</v>
      </c>
      <c r="F113" s="10">
        <v>2026</v>
      </c>
      <c r="G113" s="23">
        <v>1</v>
      </c>
      <c r="H113" s="24" t="s">
        <v>19</v>
      </c>
      <c r="I113" s="19"/>
    </row>
    <row r="114" spans="1:9" ht="12.75" customHeight="1" x14ac:dyDescent="0.2">
      <c r="A114" s="20" t="s">
        <v>54</v>
      </c>
      <c r="B114" s="20" t="s">
        <v>16</v>
      </c>
      <c r="C114" s="20" t="s">
        <v>90</v>
      </c>
      <c r="D114" s="20" t="s">
        <v>140</v>
      </c>
      <c r="E114" s="21">
        <v>39700</v>
      </c>
      <c r="F114" s="22">
        <v>2024</v>
      </c>
      <c r="G114" s="23">
        <v>1</v>
      </c>
      <c r="H114" s="24" t="s">
        <v>19</v>
      </c>
    </row>
    <row r="115" spans="1:9" ht="12.75" customHeight="1" x14ac:dyDescent="0.2">
      <c r="A115" s="20" t="s">
        <v>54</v>
      </c>
      <c r="B115" s="20" t="s">
        <v>16</v>
      </c>
      <c r="C115" s="20" t="s">
        <v>90</v>
      </c>
      <c r="D115" s="20" t="s">
        <v>141</v>
      </c>
      <c r="E115" s="21">
        <v>39640</v>
      </c>
      <c r="F115" s="22">
        <v>2024</v>
      </c>
      <c r="G115" s="23">
        <v>1</v>
      </c>
      <c r="H115" s="24" t="s">
        <v>19</v>
      </c>
    </row>
    <row r="116" spans="1:9" ht="12.75" customHeight="1" x14ac:dyDescent="0.2">
      <c r="A116" s="20" t="s">
        <v>54</v>
      </c>
      <c r="B116" s="20" t="s">
        <v>16</v>
      </c>
      <c r="C116" s="20" t="s">
        <v>90</v>
      </c>
      <c r="D116" s="20" t="s">
        <v>142</v>
      </c>
      <c r="E116" s="21">
        <v>39640</v>
      </c>
      <c r="F116" s="22">
        <v>2025</v>
      </c>
      <c r="G116" s="23">
        <v>1</v>
      </c>
      <c r="H116" s="24" t="s">
        <v>19</v>
      </c>
    </row>
    <row r="117" spans="1:9" ht="12.75" customHeight="1" x14ac:dyDescent="0.2">
      <c r="A117" s="20" t="s">
        <v>54</v>
      </c>
      <c r="B117" s="20" t="s">
        <v>16</v>
      </c>
      <c r="C117" s="20" t="s">
        <v>90</v>
      </c>
      <c r="D117" s="20" t="s">
        <v>143</v>
      </c>
      <c r="E117" s="21">
        <v>39640</v>
      </c>
      <c r="F117" s="22">
        <v>2024</v>
      </c>
      <c r="G117" s="23">
        <v>1</v>
      </c>
      <c r="H117" s="24" t="s">
        <v>19</v>
      </c>
    </row>
    <row r="118" spans="1:9" ht="12.75" customHeight="1" x14ac:dyDescent="0.2">
      <c r="A118" s="20" t="s">
        <v>54</v>
      </c>
      <c r="B118" s="20" t="s">
        <v>16</v>
      </c>
      <c r="C118" s="20" t="s">
        <v>90</v>
      </c>
      <c r="D118" s="20" t="s">
        <v>144</v>
      </c>
      <c r="E118" s="21">
        <v>39650</v>
      </c>
      <c r="F118" s="22">
        <v>2026</v>
      </c>
      <c r="G118" s="23">
        <v>1</v>
      </c>
      <c r="H118" s="24" t="s">
        <v>19</v>
      </c>
    </row>
    <row r="119" spans="1:9" ht="12.75" customHeight="1" x14ac:dyDescent="0.2">
      <c r="A119" s="20" t="s">
        <v>54</v>
      </c>
      <c r="B119" s="20" t="s">
        <v>16</v>
      </c>
      <c r="C119" s="20" t="s">
        <v>90</v>
      </c>
      <c r="D119" s="20" t="s">
        <v>145</v>
      </c>
      <c r="E119" s="21" t="s">
        <v>146</v>
      </c>
      <c r="F119" s="22" t="s">
        <v>147</v>
      </c>
      <c r="G119" s="23">
        <v>1</v>
      </c>
      <c r="H119" s="24" t="s">
        <v>19</v>
      </c>
    </row>
    <row r="120" spans="1:9" ht="12.75" customHeight="1" x14ac:dyDescent="0.2">
      <c r="A120" s="20" t="s">
        <v>54</v>
      </c>
      <c r="B120" s="20" t="s">
        <v>37</v>
      </c>
      <c r="C120" s="20" t="s">
        <v>38</v>
      </c>
      <c r="D120" s="20" t="s">
        <v>148</v>
      </c>
      <c r="E120" s="21">
        <v>49999</v>
      </c>
      <c r="F120" s="22" t="s">
        <v>149</v>
      </c>
      <c r="G120" s="23">
        <v>1</v>
      </c>
      <c r="H120" s="24" t="s">
        <v>19</v>
      </c>
    </row>
    <row r="121" spans="1:9" ht="12.75" customHeight="1" x14ac:dyDescent="0.2">
      <c r="A121" s="20" t="s">
        <v>54</v>
      </c>
      <c r="B121" s="20" t="s">
        <v>37</v>
      </c>
      <c r="C121" s="20" t="s">
        <v>38</v>
      </c>
      <c r="D121" s="20" t="s">
        <v>150</v>
      </c>
      <c r="E121" s="21">
        <v>49999</v>
      </c>
      <c r="F121" s="22" t="s">
        <v>149</v>
      </c>
      <c r="G121" s="23">
        <v>1</v>
      </c>
      <c r="H121" s="24" t="s">
        <v>19</v>
      </c>
    </row>
    <row r="122" spans="1:9" ht="12.75" customHeight="1" x14ac:dyDescent="0.2">
      <c r="A122" s="20" t="s">
        <v>54</v>
      </c>
      <c r="B122" s="20" t="s">
        <v>37</v>
      </c>
      <c r="C122" s="20" t="s">
        <v>38</v>
      </c>
      <c r="D122" s="8" t="s">
        <v>151</v>
      </c>
      <c r="E122" s="9">
        <v>49999</v>
      </c>
      <c r="F122" s="10" t="s">
        <v>149</v>
      </c>
      <c r="G122" s="23">
        <v>1</v>
      </c>
      <c r="H122" s="24" t="s">
        <v>19</v>
      </c>
    </row>
    <row r="123" spans="1:9" ht="12.75" customHeight="1" x14ac:dyDescent="0.2">
      <c r="A123" s="20" t="s">
        <v>54</v>
      </c>
      <c r="B123" s="20" t="s">
        <v>37</v>
      </c>
      <c r="C123" s="20" t="s">
        <v>38</v>
      </c>
      <c r="D123" s="8" t="s">
        <v>152</v>
      </c>
      <c r="E123" s="9">
        <v>49999</v>
      </c>
      <c r="F123" s="10" t="s">
        <v>149</v>
      </c>
      <c r="G123" s="23">
        <v>1</v>
      </c>
      <c r="H123" s="24" t="s">
        <v>19</v>
      </c>
    </row>
    <row r="124" spans="1:9" ht="12.75" customHeight="1" x14ac:dyDescent="0.2">
      <c r="A124" s="20" t="s">
        <v>54</v>
      </c>
      <c r="B124" s="20" t="s">
        <v>37</v>
      </c>
      <c r="C124" s="20" t="s">
        <v>38</v>
      </c>
      <c r="D124" s="8" t="s">
        <v>153</v>
      </c>
      <c r="E124" s="9">
        <v>49999</v>
      </c>
      <c r="F124" s="10" t="s">
        <v>137</v>
      </c>
      <c r="G124" s="23">
        <v>1</v>
      </c>
      <c r="H124" s="24" t="s">
        <v>19</v>
      </c>
    </row>
    <row r="125" spans="1:9" ht="12.75" customHeight="1" x14ac:dyDescent="0.2">
      <c r="A125" s="20" t="s">
        <v>54</v>
      </c>
      <c r="B125" s="20" t="s">
        <v>37</v>
      </c>
      <c r="C125" s="20" t="s">
        <v>38</v>
      </c>
      <c r="D125" s="8" t="s">
        <v>154</v>
      </c>
      <c r="E125" s="9">
        <v>49999</v>
      </c>
      <c r="F125" s="10" t="s">
        <v>137</v>
      </c>
      <c r="G125" s="23">
        <v>1</v>
      </c>
      <c r="H125" s="24" t="s">
        <v>19</v>
      </c>
    </row>
    <row r="126" spans="1:9" ht="12.75" customHeight="1" x14ac:dyDescent="0.2">
      <c r="H126" s="24"/>
    </row>
    <row r="127" spans="1:9" ht="12.75" customHeight="1" x14ac:dyDescent="0.2">
      <c r="H127" s="24"/>
    </row>
    <row r="128" spans="1:9" ht="12.75" customHeight="1" x14ac:dyDescent="0.2"/>
    <row r="129" ht="12.75" customHeight="1" x14ac:dyDescent="0.2"/>
    <row r="130" ht="12.75" customHeight="1" x14ac:dyDescent="0.2"/>
    <row r="131" ht="12.75" customHeight="1" x14ac:dyDescent="0.2"/>
    <row r="132" ht="12.75" customHeight="1" x14ac:dyDescent="0.2"/>
    <row r="133" ht="12.75" customHeight="1" x14ac:dyDescent="0.2"/>
    <row r="134" ht="12.75" customHeight="1" x14ac:dyDescent="0.2"/>
    <row r="135" ht="12.75" customHeight="1" x14ac:dyDescent="0.2"/>
    <row r="136" ht="12.75" customHeight="1" x14ac:dyDescent="0.2"/>
    <row r="137" ht="12.75" customHeight="1" x14ac:dyDescent="0.2"/>
  </sheetData>
  <autoFilter ref="A5:N108" xr:uid="{CBE9B8E2-BB70-4391-BBFD-06BD7F6D34A5}"/>
  <pageMargins left="0.7" right="0.7" top="0.75" bottom="0.75" header="0.3" footer="0.3"/>
  <pageSetup paperSize="9" orientation="portrait" verticalDpi="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BCF578E-BF5B-40BB-AC33-6FCC5990F00B}">
  <sheetPr>
    <tabColor theme="8" tint="0.79998168889431442"/>
  </sheetPr>
  <dimension ref="A2:I36"/>
  <sheetViews>
    <sheetView workbookViewId="0"/>
  </sheetViews>
  <sheetFormatPr defaultColWidth="9.140625" defaultRowHeight="15" x14ac:dyDescent="0.25"/>
  <cols>
    <col min="2" max="2" width="12" bestFit="1" customWidth="1"/>
    <col min="3" max="8" width="16.5703125" customWidth="1"/>
  </cols>
  <sheetData>
    <row r="2" spans="1:9" x14ac:dyDescent="0.25">
      <c r="A2" s="99"/>
      <c r="B2" s="99"/>
      <c r="C2" s="99"/>
      <c r="D2" s="99"/>
      <c r="E2" s="99"/>
      <c r="F2" s="99"/>
      <c r="G2" s="99"/>
      <c r="H2" s="99"/>
      <c r="I2" s="99"/>
    </row>
    <row r="3" spans="1:9" x14ac:dyDescent="0.25">
      <c r="A3" s="100" t="s">
        <v>182</v>
      </c>
      <c r="B3" s="101"/>
      <c r="C3" s="101"/>
      <c r="D3" s="101"/>
      <c r="E3" s="101"/>
      <c r="F3" s="102"/>
      <c r="G3" s="102"/>
      <c r="H3" s="101"/>
    </row>
    <row r="4" spans="1:9" x14ac:dyDescent="0.25">
      <c r="A4" s="103"/>
      <c r="B4" s="104"/>
      <c r="C4" s="105">
        <v>2023</v>
      </c>
      <c r="D4" s="105">
        <f>+C4+1</f>
        <v>2024</v>
      </c>
      <c r="E4" s="106">
        <f>+D4+1</f>
        <v>2025</v>
      </c>
      <c r="F4" s="105">
        <v>2023</v>
      </c>
      <c r="G4" s="105">
        <f>+F4+1</f>
        <v>2024</v>
      </c>
      <c r="H4" s="105">
        <f>+G4+1</f>
        <v>2025</v>
      </c>
    </row>
    <row r="5" spans="1:9" x14ac:dyDescent="0.25">
      <c r="A5" s="107"/>
      <c r="B5" s="107"/>
      <c r="C5" s="108"/>
      <c r="D5" s="108"/>
      <c r="E5" s="109"/>
      <c r="F5" s="110"/>
      <c r="G5" s="110"/>
      <c r="H5" s="110"/>
    </row>
    <row r="6" spans="1:9" x14ac:dyDescent="0.25">
      <c r="A6" s="111" t="s">
        <v>183</v>
      </c>
      <c r="B6" s="112"/>
      <c r="C6" s="113" t="s">
        <v>184</v>
      </c>
      <c r="D6" s="113"/>
      <c r="E6" s="114"/>
      <c r="F6" s="115"/>
      <c r="G6" s="115"/>
      <c r="H6" s="115"/>
    </row>
    <row r="7" spans="1:9" x14ac:dyDescent="0.25">
      <c r="A7" s="116" t="s">
        <v>29</v>
      </c>
      <c r="B7" s="107"/>
      <c r="C7" s="117">
        <v>723.04166666666674</v>
      </c>
      <c r="D7" s="117">
        <v>1464</v>
      </c>
      <c r="E7" s="118">
        <v>1460</v>
      </c>
      <c r="F7" s="115"/>
      <c r="G7" s="115"/>
      <c r="H7" s="115"/>
    </row>
    <row r="8" spans="1:9" x14ac:dyDescent="0.25">
      <c r="A8" s="119" t="s">
        <v>32</v>
      </c>
      <c r="B8" s="107"/>
      <c r="C8" s="117">
        <v>546</v>
      </c>
      <c r="D8" s="117">
        <v>1098</v>
      </c>
      <c r="E8" s="118">
        <v>1095</v>
      </c>
      <c r="F8" s="120"/>
      <c r="G8" s="120"/>
      <c r="H8" s="120"/>
    </row>
    <row r="9" spans="1:9" x14ac:dyDescent="0.25">
      <c r="A9" s="119" t="s">
        <v>34</v>
      </c>
      <c r="B9" s="107"/>
      <c r="C9" s="117">
        <v>364</v>
      </c>
      <c r="D9" s="117">
        <v>732</v>
      </c>
      <c r="E9" s="118">
        <v>1160</v>
      </c>
      <c r="F9" s="121"/>
      <c r="G9" s="121"/>
      <c r="H9" s="121"/>
    </row>
    <row r="10" spans="1:9" x14ac:dyDescent="0.25">
      <c r="A10" s="122" t="s">
        <v>36</v>
      </c>
      <c r="B10" s="112"/>
      <c r="C10" s="117">
        <v>0</v>
      </c>
      <c r="D10" s="117">
        <v>0</v>
      </c>
      <c r="E10" s="118">
        <v>0</v>
      </c>
      <c r="F10" s="120"/>
      <c r="G10" s="120"/>
      <c r="H10" s="120"/>
    </row>
    <row r="11" spans="1:9" x14ac:dyDescent="0.25">
      <c r="A11" s="123" t="s">
        <v>48</v>
      </c>
      <c r="B11" s="124"/>
      <c r="C11" s="125">
        <f>+SUM(C7:C10)</f>
        <v>1633.0416666666667</v>
      </c>
      <c r="D11" s="125">
        <f t="shared" ref="D11:E11" si="0">+SUM(D7:D10)</f>
        <v>3294</v>
      </c>
      <c r="E11" s="126">
        <f t="shared" si="0"/>
        <v>3715</v>
      </c>
      <c r="F11" s="127"/>
      <c r="G11" s="127"/>
      <c r="H11" s="127"/>
    </row>
    <row r="12" spans="1:9" ht="5.25" customHeight="1" x14ac:dyDescent="0.25">
      <c r="A12" s="128"/>
      <c r="B12" s="129"/>
      <c r="C12" s="130"/>
      <c r="D12" s="130"/>
      <c r="E12" s="131"/>
      <c r="F12" s="127"/>
      <c r="G12" s="127"/>
      <c r="H12" s="127"/>
    </row>
    <row r="13" spans="1:9" x14ac:dyDescent="0.25">
      <c r="A13" s="111" t="s">
        <v>185</v>
      </c>
      <c r="B13" s="112"/>
      <c r="C13" s="113" t="s">
        <v>184</v>
      </c>
      <c r="D13" s="113"/>
      <c r="E13" s="114"/>
      <c r="F13" s="113" t="s">
        <v>186</v>
      </c>
      <c r="G13" s="113"/>
      <c r="H13" s="113"/>
    </row>
    <row r="14" spans="1:9" x14ac:dyDescent="0.25">
      <c r="A14" s="116" t="s">
        <v>29</v>
      </c>
      <c r="B14" s="107"/>
      <c r="C14" s="117">
        <v>0</v>
      </c>
      <c r="D14" s="117">
        <v>360</v>
      </c>
      <c r="E14" s="118">
        <v>360</v>
      </c>
      <c r="F14" s="117">
        <v>0</v>
      </c>
      <c r="G14" s="117">
        <v>16304.166666666666</v>
      </c>
      <c r="H14" s="117">
        <v>16304.166666666666</v>
      </c>
    </row>
    <row r="15" spans="1:9" x14ac:dyDescent="0.25">
      <c r="A15" s="119" t="s">
        <v>32</v>
      </c>
      <c r="B15" s="107"/>
      <c r="C15" s="117">
        <v>4923.9638888888894</v>
      </c>
      <c r="D15" s="117">
        <v>6347.6690972222223</v>
      </c>
      <c r="E15" s="118">
        <v>3592.333333333333</v>
      </c>
      <c r="F15" s="117">
        <v>13198.601490513383</v>
      </c>
      <c r="G15" s="117">
        <v>13003.892063281639</v>
      </c>
      <c r="H15" s="117">
        <v>11574.267525367981</v>
      </c>
    </row>
    <row r="16" spans="1:9" x14ac:dyDescent="0.25">
      <c r="A16" s="119" t="s">
        <v>34</v>
      </c>
      <c r="B16" s="107"/>
      <c r="C16" s="117">
        <v>5525.5708333333332</v>
      </c>
      <c r="D16" s="117">
        <v>5108.8798611111106</v>
      </c>
      <c r="E16" s="118">
        <v>2155.416666666667</v>
      </c>
      <c r="F16" s="117">
        <v>11638.154620845464</v>
      </c>
      <c r="G16" s="117">
        <v>10765.006847548508</v>
      </c>
      <c r="H16" s="117">
        <v>10889.217342557269</v>
      </c>
    </row>
    <row r="17" spans="1:8" x14ac:dyDescent="0.25">
      <c r="A17" s="122" t="s">
        <v>36</v>
      </c>
      <c r="B17" s="112"/>
      <c r="C17" s="117">
        <v>2349.3666666666668</v>
      </c>
      <c r="D17" s="117">
        <v>4628.134722222223</v>
      </c>
      <c r="E17" s="118">
        <v>4051.0402777777786</v>
      </c>
      <c r="F17" s="117">
        <v>10734.079975348915</v>
      </c>
      <c r="G17" s="132">
        <v>10542.288277944459</v>
      </c>
      <c r="H17" s="132">
        <v>10278.446815192669</v>
      </c>
    </row>
    <row r="18" spans="1:8" x14ac:dyDescent="0.25">
      <c r="A18" s="123" t="s">
        <v>48</v>
      </c>
      <c r="B18" s="124"/>
      <c r="C18" s="125">
        <f>+SUM(C14:C17)</f>
        <v>12798.901388888889</v>
      </c>
      <c r="D18" s="125">
        <f t="shared" ref="D18:E18" si="1">+SUM(D14:D17)</f>
        <v>16444.683680555558</v>
      </c>
      <c r="E18" s="126">
        <f t="shared" si="1"/>
        <v>10158.790277777778</v>
      </c>
      <c r="F18" s="125">
        <f>SUMPRODUCT(C14:C17,F14:F17)/C18</f>
        <v>12072.534184492459</v>
      </c>
      <c r="G18" s="125">
        <f t="shared" ref="G18:H18" si="2">SUMPRODUCT(D14:D17,G14:G17)/D18</f>
        <v>11687.799208929981</v>
      </c>
      <c r="H18" s="125">
        <f t="shared" si="2"/>
        <v>11079.796565439538</v>
      </c>
    </row>
    <row r="19" spans="1:8" ht="5.25" customHeight="1" x14ac:dyDescent="0.25">
      <c r="A19" s="128"/>
      <c r="B19" s="129"/>
      <c r="C19" s="130"/>
      <c r="D19" s="130"/>
      <c r="E19" s="131"/>
      <c r="F19" s="127"/>
      <c r="G19" s="127"/>
      <c r="H19" s="127"/>
    </row>
    <row r="20" spans="1:8" ht="15.75" thickBot="1" x14ac:dyDescent="0.3">
      <c r="A20" s="133" t="s">
        <v>187</v>
      </c>
      <c r="B20" s="134"/>
      <c r="C20" s="135">
        <f>C11+C18</f>
        <v>14431.943055555555</v>
      </c>
      <c r="D20" s="135">
        <f t="shared" ref="D20" si="3">D11+D18</f>
        <v>19738.683680555558</v>
      </c>
      <c r="E20" s="136">
        <f>E11+E18</f>
        <v>13873.790277777778</v>
      </c>
      <c r="F20" s="108"/>
      <c r="G20" s="108"/>
      <c r="H20" s="108"/>
    </row>
    <row r="21" spans="1:8" ht="15.75" thickTop="1" x14ac:dyDescent="0.25">
      <c r="A21" s="128"/>
      <c r="B21" s="129"/>
      <c r="C21" s="130"/>
      <c r="D21" s="130"/>
      <c r="E21" s="137"/>
      <c r="F21" s="127"/>
      <c r="G21" s="127"/>
      <c r="H21" s="127"/>
    </row>
    <row r="22" spans="1:8" x14ac:dyDescent="0.25">
      <c r="A22" s="111" t="s">
        <v>188</v>
      </c>
      <c r="B22" s="112"/>
      <c r="C22" s="113" t="s">
        <v>184</v>
      </c>
      <c r="D22" s="113"/>
      <c r="E22" s="114"/>
      <c r="F22" s="113" t="s">
        <v>189</v>
      </c>
      <c r="G22" s="113"/>
      <c r="H22" s="113"/>
    </row>
    <row r="23" spans="1:8" x14ac:dyDescent="0.25">
      <c r="A23" s="116" t="s">
        <v>29</v>
      </c>
      <c r="B23" s="107"/>
      <c r="C23" s="117">
        <v>733.57430555555561</v>
      </c>
      <c r="D23" s="117">
        <v>0</v>
      </c>
      <c r="E23" s="118">
        <v>0</v>
      </c>
      <c r="F23" s="117">
        <v>20625.483603280452</v>
      </c>
      <c r="G23" s="117">
        <v>0</v>
      </c>
      <c r="H23" s="117">
        <v>0</v>
      </c>
    </row>
    <row r="24" spans="1:8" x14ac:dyDescent="0.25">
      <c r="A24" s="119" t="s">
        <v>32</v>
      </c>
      <c r="B24" s="107"/>
      <c r="C24" s="117">
        <v>5835.9638888888885</v>
      </c>
      <c r="D24" s="117">
        <v>6655.224252777778</v>
      </c>
      <c r="E24" s="118">
        <v>1440.9995999999999</v>
      </c>
      <c r="F24" s="117">
        <v>15869.217076836594</v>
      </c>
      <c r="G24" s="117">
        <v>14439.904306151204</v>
      </c>
      <c r="H24" s="117">
        <v>14372.145252503882</v>
      </c>
    </row>
    <row r="25" spans="1:8" x14ac:dyDescent="0.25">
      <c r="A25" s="119" t="s">
        <v>34</v>
      </c>
      <c r="B25" s="107"/>
      <c r="C25" s="117">
        <v>6664.2456944444439</v>
      </c>
      <c r="D25" s="117">
        <v>7569.4809722222217</v>
      </c>
      <c r="E25" s="118">
        <v>2804.9337495999989</v>
      </c>
      <c r="F25" s="117">
        <v>14539.790184763688</v>
      </c>
      <c r="G25" s="117">
        <v>12841.68232707527</v>
      </c>
      <c r="H25" s="117">
        <v>11926.184334711212</v>
      </c>
    </row>
    <row r="26" spans="1:8" x14ac:dyDescent="0.25">
      <c r="A26" s="122" t="s">
        <v>36</v>
      </c>
      <c r="B26" s="112"/>
      <c r="C26" s="117">
        <v>1985.3666666666668</v>
      </c>
      <c r="D26" s="117">
        <v>2512.2631944444447</v>
      </c>
      <c r="E26" s="118">
        <v>1931.9048611111107</v>
      </c>
      <c r="F26" s="132">
        <v>11715.797858918846</v>
      </c>
      <c r="G26" s="132">
        <v>10591.350670063635</v>
      </c>
      <c r="H26" s="132">
        <v>9972.9494900355676</v>
      </c>
    </row>
    <row r="27" spans="1:8" ht="15.75" thickBot="1" x14ac:dyDescent="0.3">
      <c r="A27" s="133" t="s">
        <v>48</v>
      </c>
      <c r="B27" s="134"/>
      <c r="C27" s="135">
        <f>+SUM(C23:C26)</f>
        <v>15219.150555555554</v>
      </c>
      <c r="D27" s="135">
        <f t="shared" ref="D27" si="4">+SUM(D23:D26)</f>
        <v>16736.968419444445</v>
      </c>
      <c r="E27" s="136">
        <f t="shared" ref="E27" si="5">+SUM(E23:E26)</f>
        <v>6177.8382107111102</v>
      </c>
      <c r="F27" s="135">
        <f>SUMPRODUCT(C23:C26,F23:F26)/C27</f>
        <v>14974.514540999045</v>
      </c>
      <c r="G27" s="135">
        <f>SUMPRODUCT(D23:D26,G23:G26)/D27</f>
        <v>13139.412486706566</v>
      </c>
      <c r="H27" s="135">
        <f>SUMPRODUCT(E23:E26,H23:H26)/E27</f>
        <v>11885.905651670568</v>
      </c>
    </row>
    <row r="28" spans="1:8" ht="15.75" thickTop="1" x14ac:dyDescent="0.25">
      <c r="A28" s="138"/>
      <c r="B28" s="107"/>
      <c r="C28" s="139"/>
      <c r="D28" s="139"/>
      <c r="E28" s="140"/>
      <c r="F28" s="139"/>
      <c r="G28" s="139"/>
      <c r="H28" s="139"/>
    </row>
    <row r="29" spans="1:8" x14ac:dyDescent="0.25">
      <c r="A29" s="111" t="s">
        <v>190</v>
      </c>
      <c r="B29" s="112"/>
      <c r="C29" s="141"/>
      <c r="D29" s="141"/>
      <c r="E29" s="142"/>
      <c r="F29" s="108"/>
      <c r="G29" s="108"/>
      <c r="H29" s="108"/>
    </row>
    <row r="30" spans="1:8" x14ac:dyDescent="0.25">
      <c r="A30" s="119" t="s">
        <v>29</v>
      </c>
      <c r="B30" s="107"/>
      <c r="C30" s="143">
        <f t="shared" ref="C30:E33" si="6">C23/(C7+C14)</f>
        <v>1.0145671257611555</v>
      </c>
      <c r="D30" s="143">
        <f t="shared" si="6"/>
        <v>0</v>
      </c>
      <c r="E30" s="144">
        <f t="shared" si="6"/>
        <v>0</v>
      </c>
      <c r="F30" s="108"/>
      <c r="G30" s="108"/>
      <c r="H30" s="108"/>
    </row>
    <row r="31" spans="1:8" x14ac:dyDescent="0.25">
      <c r="A31" s="119" t="s">
        <v>32</v>
      </c>
      <c r="B31" s="107"/>
      <c r="C31" s="143">
        <f t="shared" si="6"/>
        <v>1.0669108621984604</v>
      </c>
      <c r="D31" s="143">
        <f t="shared" si="6"/>
        <v>0.89383830598389902</v>
      </c>
      <c r="E31" s="144">
        <f t="shared" si="6"/>
        <v>0.30742417863746263</v>
      </c>
      <c r="F31" s="108"/>
      <c r="G31" s="108"/>
      <c r="H31" s="108"/>
    </row>
    <row r="32" spans="1:8" x14ac:dyDescent="0.25">
      <c r="A32" s="119" t="s">
        <v>34</v>
      </c>
      <c r="B32" s="107"/>
      <c r="C32" s="143">
        <f t="shared" si="6"/>
        <v>1.131533329513021</v>
      </c>
      <c r="D32" s="143">
        <f t="shared" si="6"/>
        <v>1.2959487529644684</v>
      </c>
      <c r="E32" s="144">
        <f t="shared" si="6"/>
        <v>0.84602752281513094</v>
      </c>
      <c r="F32" s="108"/>
      <c r="G32" s="108"/>
      <c r="H32" s="108"/>
    </row>
    <row r="33" spans="1:8" x14ac:dyDescent="0.25">
      <c r="A33" s="122" t="s">
        <v>36</v>
      </c>
      <c r="B33" s="112"/>
      <c r="C33" s="143">
        <f t="shared" si="6"/>
        <v>0.845064627346377</v>
      </c>
      <c r="D33" s="143">
        <f t="shared" si="6"/>
        <v>0.5428241279109024</v>
      </c>
      <c r="E33" s="144">
        <f t="shared" si="6"/>
        <v>0.47689105233257967</v>
      </c>
      <c r="F33" s="108"/>
      <c r="G33" s="108"/>
      <c r="H33" s="108"/>
    </row>
    <row r="34" spans="1:8" ht="15.75" thickBot="1" x14ac:dyDescent="0.3">
      <c r="A34" s="133" t="s">
        <v>48</v>
      </c>
      <c r="B34" s="134"/>
      <c r="C34" s="145">
        <f>C27/C20</f>
        <v>1.0545461894472321</v>
      </c>
      <c r="D34" s="145">
        <f>D27/D20</f>
        <v>0.84792728280720753</v>
      </c>
      <c r="E34" s="146">
        <f>E27/E20</f>
        <v>0.44528842421716641</v>
      </c>
      <c r="F34" s="147"/>
      <c r="G34" s="147"/>
      <c r="H34" s="147"/>
    </row>
    <row r="35" spans="1:8" ht="15.75" thickTop="1" x14ac:dyDescent="0.25"/>
    <row r="36" spans="1:8" ht="21.75" customHeight="1" x14ac:dyDescent="0.25">
      <c r="A36" s="148" t="s">
        <v>191</v>
      </c>
      <c r="B36" s="148"/>
      <c r="C36" s="148"/>
      <c r="D36" s="148"/>
      <c r="E36" s="148"/>
      <c r="F36" s="148"/>
    </row>
  </sheetData>
  <mergeCells count="6">
    <mergeCell ref="C6:E6"/>
    <mergeCell ref="C13:E13"/>
    <mergeCell ref="F13:H13"/>
    <mergeCell ref="C22:E22"/>
    <mergeCell ref="F22:H22"/>
    <mergeCell ref="A36:F36"/>
  </mergeCells>
  <pageMargins left="0.7" right="0.7" top="0.75" bottom="0.75" header="0.3" footer="0.3"/>
  <pageSetup orientation="portrait" horizontalDpi="300" verticalDpi="300"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6C6F5EEB-1FA7-46A3-9474-BF8108FE707D}">
  <sheetPr>
    <tabColor theme="8" tint="0.79998168889431442"/>
  </sheetPr>
  <dimension ref="A1:J40"/>
  <sheetViews>
    <sheetView topLeftCell="A13" workbookViewId="0"/>
  </sheetViews>
  <sheetFormatPr defaultColWidth="9.140625" defaultRowHeight="15" x14ac:dyDescent="0.25"/>
  <cols>
    <col min="2" max="2" width="12" customWidth="1"/>
    <col min="3" max="8" width="16.5703125" customWidth="1"/>
  </cols>
  <sheetData>
    <row r="1" spans="1:8" hidden="1" x14ac:dyDescent="0.25">
      <c r="B1" t="s">
        <v>192</v>
      </c>
    </row>
    <row r="2" spans="1:8" hidden="1" x14ac:dyDescent="0.25">
      <c r="A2">
        <v>2020</v>
      </c>
      <c r="B2" s="149">
        <v>10000</v>
      </c>
    </row>
    <row r="3" spans="1:8" hidden="1" x14ac:dyDescent="0.25">
      <c r="A3">
        <v>2021</v>
      </c>
      <c r="B3" s="149">
        <v>10000</v>
      </c>
    </row>
    <row r="4" spans="1:8" hidden="1" x14ac:dyDescent="0.25">
      <c r="A4">
        <v>2022</v>
      </c>
      <c r="B4" s="149">
        <v>10000</v>
      </c>
    </row>
    <row r="5" spans="1:8" hidden="1" x14ac:dyDescent="0.25">
      <c r="A5">
        <v>2023</v>
      </c>
      <c r="B5" s="149">
        <v>10000</v>
      </c>
    </row>
    <row r="6" spans="1:8" hidden="1" x14ac:dyDescent="0.25">
      <c r="A6">
        <v>2024</v>
      </c>
      <c r="B6" s="149">
        <v>10000</v>
      </c>
    </row>
    <row r="7" spans="1:8" hidden="1" x14ac:dyDescent="0.25">
      <c r="A7">
        <v>2025</v>
      </c>
      <c r="B7" s="149">
        <v>10000</v>
      </c>
    </row>
    <row r="8" spans="1:8" hidden="1" x14ac:dyDescent="0.25"/>
    <row r="9" spans="1:8" hidden="1" x14ac:dyDescent="0.25"/>
    <row r="10" spans="1:8" hidden="1" x14ac:dyDescent="0.25"/>
    <row r="11" spans="1:8" hidden="1" x14ac:dyDescent="0.25"/>
    <row r="12" spans="1:8" hidden="1" x14ac:dyDescent="0.25"/>
    <row r="15" spans="1:8" x14ac:dyDescent="0.25">
      <c r="A15" s="100" t="s">
        <v>193</v>
      </c>
      <c r="B15" s="101"/>
      <c r="C15" s="101"/>
      <c r="D15" s="101"/>
      <c r="E15" s="101"/>
      <c r="F15" s="150"/>
      <c r="G15" s="150"/>
      <c r="H15" s="150"/>
    </row>
    <row r="16" spans="1:8" x14ac:dyDescent="0.25">
      <c r="A16" s="151"/>
      <c r="B16" s="104"/>
      <c r="C16" s="105">
        <v>2023</v>
      </c>
      <c r="D16" s="105">
        <v>2024</v>
      </c>
      <c r="E16" s="106">
        <v>2025</v>
      </c>
      <c r="F16" s="105">
        <v>2023</v>
      </c>
      <c r="G16" s="105">
        <f>+F16+1</f>
        <v>2024</v>
      </c>
      <c r="H16" s="105">
        <f>+G16+1</f>
        <v>2025</v>
      </c>
    </row>
    <row r="17" spans="1:10" x14ac:dyDescent="0.25">
      <c r="A17" s="116"/>
      <c r="B17" s="99"/>
      <c r="C17" s="152"/>
      <c r="D17" s="152"/>
      <c r="E17" s="153"/>
      <c r="F17" s="152"/>
      <c r="G17" s="152"/>
      <c r="H17" s="152"/>
    </row>
    <row r="18" spans="1:10" x14ac:dyDescent="0.25">
      <c r="A18" s="111" t="s">
        <v>183</v>
      </c>
      <c r="B18" s="112"/>
      <c r="C18" s="113" t="s">
        <v>184</v>
      </c>
      <c r="D18" s="113"/>
      <c r="E18" s="114"/>
      <c r="F18" s="115"/>
      <c r="G18" s="115"/>
      <c r="H18" s="115"/>
    </row>
    <row r="19" spans="1:10" x14ac:dyDescent="0.25">
      <c r="A19" s="119" t="s">
        <v>38</v>
      </c>
      <c r="B19" s="107"/>
      <c r="C19" s="117">
        <v>2002</v>
      </c>
      <c r="D19" s="117">
        <v>4026</v>
      </c>
      <c r="E19" s="118">
        <v>4015</v>
      </c>
      <c r="F19" s="154"/>
      <c r="G19" s="154"/>
      <c r="H19" s="154"/>
      <c r="I19" s="155"/>
      <c r="J19" s="155"/>
    </row>
    <row r="20" spans="1:10" x14ac:dyDescent="0.25">
      <c r="A20" s="122" t="s">
        <v>43</v>
      </c>
      <c r="B20" s="112"/>
      <c r="C20" s="117">
        <v>0</v>
      </c>
      <c r="D20" s="117">
        <v>0</v>
      </c>
      <c r="E20" s="118">
        <v>0</v>
      </c>
      <c r="F20" s="154"/>
      <c r="G20" s="154"/>
      <c r="H20" s="154"/>
      <c r="J20" s="155"/>
    </row>
    <row r="21" spans="1:10" x14ac:dyDescent="0.25">
      <c r="A21" s="123" t="s">
        <v>48</v>
      </c>
      <c r="B21" s="124"/>
      <c r="C21" s="125">
        <f>C19+C20</f>
        <v>2002</v>
      </c>
      <c r="D21" s="125">
        <f>D19+D20</f>
        <v>4026</v>
      </c>
      <c r="E21" s="126">
        <f>E19+E20</f>
        <v>4015</v>
      </c>
      <c r="F21" s="127"/>
      <c r="G21" s="127"/>
      <c r="H21" s="127"/>
    </row>
    <row r="22" spans="1:10" ht="5.25" customHeight="1" x14ac:dyDescent="0.25">
      <c r="A22" s="128"/>
      <c r="B22" s="129"/>
      <c r="C22" s="130"/>
      <c r="D22" s="130"/>
      <c r="E22" s="137"/>
      <c r="F22" s="127"/>
      <c r="G22" s="127"/>
      <c r="H22" s="127"/>
      <c r="I22" s="99"/>
    </row>
    <row r="23" spans="1:10" x14ac:dyDescent="0.25">
      <c r="A23" s="111" t="s">
        <v>185</v>
      </c>
      <c r="B23" s="111"/>
      <c r="C23" s="113" t="s">
        <v>184</v>
      </c>
      <c r="D23" s="113"/>
      <c r="E23" s="114"/>
      <c r="F23" s="113" t="s">
        <v>186</v>
      </c>
      <c r="G23" s="113"/>
      <c r="H23" s="113"/>
    </row>
    <row r="24" spans="1:10" x14ac:dyDescent="0.25">
      <c r="A24" s="119" t="s">
        <v>38</v>
      </c>
      <c r="B24" s="107"/>
      <c r="C24" s="117">
        <v>3951.5908423683331</v>
      </c>
      <c r="D24" s="117">
        <v>6455.9555555555562</v>
      </c>
      <c r="E24" s="118">
        <v>6581.4326388888894</v>
      </c>
      <c r="F24" s="117">
        <v>14190.473272000705</v>
      </c>
      <c r="G24" s="117">
        <v>14313.573432303139</v>
      </c>
      <c r="H24" s="117">
        <v>14588.659705431646</v>
      </c>
      <c r="J24" s="155"/>
    </row>
    <row r="25" spans="1:10" x14ac:dyDescent="0.25">
      <c r="A25" s="122" t="s">
        <v>43</v>
      </c>
      <c r="B25" s="112"/>
      <c r="C25" s="117">
        <v>0</v>
      </c>
      <c r="D25" s="117">
        <v>0</v>
      </c>
      <c r="E25" s="118">
        <v>0</v>
      </c>
      <c r="F25" s="117"/>
      <c r="G25" s="117"/>
      <c r="H25" s="117"/>
      <c r="J25" s="155"/>
    </row>
    <row r="26" spans="1:10" x14ac:dyDescent="0.25">
      <c r="A26" s="123" t="s">
        <v>48</v>
      </c>
      <c r="B26" s="124"/>
      <c r="C26" s="125">
        <f>SUM(C24:C25)</f>
        <v>3951.5908423683331</v>
      </c>
      <c r="D26" s="125">
        <f>SUM(D24:D25)</f>
        <v>6455.9555555555562</v>
      </c>
      <c r="E26" s="126">
        <f>SUM(E24:E25)</f>
        <v>6581.4326388888894</v>
      </c>
      <c r="F26" s="156">
        <f>SUMPRODUCT(C24:C25,F24:F25)/C26</f>
        <v>14190.473272000705</v>
      </c>
      <c r="G26" s="156">
        <f>SUMPRODUCT(D24:D25,G24:G25)/D26</f>
        <v>14313.573432303139</v>
      </c>
      <c r="H26" s="156">
        <f>SUMPRODUCT(E24:E25,H24:H25)/E26</f>
        <v>14588.659705431646</v>
      </c>
    </row>
    <row r="27" spans="1:10" ht="5.25" customHeight="1" x14ac:dyDescent="0.25">
      <c r="A27" s="128"/>
      <c r="B27" s="129"/>
      <c r="C27" s="115"/>
      <c r="D27" s="115"/>
      <c r="E27" s="157"/>
      <c r="F27" s="158"/>
      <c r="G27" s="158"/>
      <c r="H27" s="158"/>
    </row>
    <row r="28" spans="1:10" ht="15.75" thickBot="1" x14ac:dyDescent="0.3">
      <c r="A28" s="133" t="s">
        <v>187</v>
      </c>
      <c r="B28" s="134"/>
      <c r="C28" s="135">
        <f>C21+C26</f>
        <v>5953.5908423683331</v>
      </c>
      <c r="D28" s="135">
        <f>D21+D26</f>
        <v>10481.955555555556</v>
      </c>
      <c r="E28" s="136">
        <f>E21+E26</f>
        <v>10596.432638888889</v>
      </c>
      <c r="F28" s="159"/>
      <c r="G28" s="160"/>
      <c r="H28" s="160"/>
    </row>
    <row r="29" spans="1:10" ht="15.75" thickTop="1" x14ac:dyDescent="0.25">
      <c r="A29" s="128"/>
      <c r="B29" s="129"/>
      <c r="C29" s="130"/>
      <c r="D29" s="130"/>
      <c r="E29" s="137"/>
      <c r="F29" s="127"/>
      <c r="G29" s="127"/>
      <c r="H29" s="127"/>
    </row>
    <row r="30" spans="1:10" x14ac:dyDescent="0.25">
      <c r="A30" s="111" t="s">
        <v>188</v>
      </c>
      <c r="B30" s="111"/>
      <c r="C30" s="113" t="s">
        <v>184</v>
      </c>
      <c r="D30" s="113"/>
      <c r="E30" s="114"/>
      <c r="F30" s="113" t="s">
        <v>189</v>
      </c>
      <c r="G30" s="113"/>
      <c r="H30" s="113"/>
      <c r="I30" s="129"/>
    </row>
    <row r="31" spans="1:10" x14ac:dyDescent="0.25">
      <c r="A31" s="119" t="s">
        <v>38</v>
      </c>
      <c r="B31" s="107"/>
      <c r="C31" s="117">
        <v>5108.0368055555555</v>
      </c>
      <c r="D31" s="117">
        <v>4841.4854166666664</v>
      </c>
      <c r="E31" s="118">
        <v>3155.567361111111</v>
      </c>
      <c r="F31" s="117">
        <v>22314.753523603616</v>
      </c>
      <c r="G31" s="117">
        <v>22179.618659269629</v>
      </c>
      <c r="H31" s="117">
        <v>21488.384798160914</v>
      </c>
      <c r="J31" s="155"/>
    </row>
    <row r="32" spans="1:10" x14ac:dyDescent="0.25">
      <c r="A32" s="122" t="s">
        <v>43</v>
      </c>
      <c r="B32" s="112"/>
      <c r="C32" s="117">
        <v>0</v>
      </c>
      <c r="D32" s="117">
        <v>0</v>
      </c>
      <c r="E32" s="118">
        <v>0</v>
      </c>
      <c r="F32" s="117"/>
      <c r="G32" s="117"/>
      <c r="H32" s="117"/>
      <c r="J32" s="155"/>
    </row>
    <row r="33" spans="1:10" ht="15.75" thickBot="1" x14ac:dyDescent="0.3">
      <c r="A33" s="133" t="s">
        <v>48</v>
      </c>
      <c r="B33" s="134"/>
      <c r="C33" s="135">
        <f>SUM(C31:C32)</f>
        <v>5108.0368055555555</v>
      </c>
      <c r="D33" s="135">
        <f>SUM(D31:D32)</f>
        <v>4841.4854166666664</v>
      </c>
      <c r="E33" s="136">
        <f>SUM(E31:E32)</f>
        <v>3155.567361111111</v>
      </c>
      <c r="F33" s="135">
        <f>SUMPRODUCT(C31:C32,F31:F32)/C33</f>
        <v>22314.753523603616</v>
      </c>
      <c r="G33" s="135">
        <f>SUMPRODUCT(D31:D32,G31:G32)/D33</f>
        <v>22179.618659269629</v>
      </c>
      <c r="H33" s="135">
        <f>IFERROR(SUMPRODUCT(E31:E32,H31:H32)/E33,0)</f>
        <v>21488.384798160914</v>
      </c>
    </row>
    <row r="34" spans="1:10" ht="15.75" thickTop="1" x14ac:dyDescent="0.25">
      <c r="A34" s="138"/>
      <c r="B34" s="107"/>
      <c r="C34" s="139"/>
      <c r="D34" s="139"/>
      <c r="E34" s="140"/>
      <c r="F34" s="139"/>
      <c r="G34" s="139"/>
      <c r="H34" s="139"/>
    </row>
    <row r="35" spans="1:10" x14ac:dyDescent="0.25">
      <c r="A35" s="111" t="s">
        <v>190</v>
      </c>
      <c r="B35" s="111"/>
      <c r="C35" s="141"/>
      <c r="D35" s="141"/>
      <c r="E35" s="161"/>
      <c r="F35" s="159"/>
      <c r="G35" s="160"/>
      <c r="H35" s="160"/>
    </row>
    <row r="36" spans="1:10" x14ac:dyDescent="0.25">
      <c r="A36" s="119" t="s">
        <v>38</v>
      </c>
      <c r="B36" s="107"/>
      <c r="C36" s="143">
        <f t="shared" ref="C36:E37" si="0">IFERROR(C31/(C19+C24),"")</f>
        <v>0.85797578987197964</v>
      </c>
      <c r="D36" s="143">
        <f t="shared" si="0"/>
        <v>0.4618876116203931</v>
      </c>
      <c r="E36" s="144">
        <f t="shared" si="0"/>
        <v>0.29779525512484117</v>
      </c>
      <c r="F36" s="108"/>
      <c r="G36" s="160"/>
      <c r="H36" s="160"/>
    </row>
    <row r="37" spans="1:10" x14ac:dyDescent="0.25">
      <c r="A37" s="122" t="s">
        <v>43</v>
      </c>
      <c r="B37" s="112"/>
      <c r="C37" s="143" t="str">
        <f t="shared" si="0"/>
        <v/>
      </c>
      <c r="D37" s="143" t="str">
        <f t="shared" si="0"/>
        <v/>
      </c>
      <c r="E37" s="144" t="str">
        <f t="shared" si="0"/>
        <v/>
      </c>
      <c r="F37" s="108"/>
      <c r="G37" s="160"/>
      <c r="H37" s="160"/>
    </row>
    <row r="38" spans="1:10" ht="15.75" thickBot="1" x14ac:dyDescent="0.3">
      <c r="A38" s="133" t="s">
        <v>48</v>
      </c>
      <c r="B38" s="134"/>
      <c r="C38" s="145">
        <f>C33/C28</f>
        <v>0.85797578987197964</v>
      </c>
      <c r="D38" s="145">
        <f>D33/D28</f>
        <v>0.4618876116203931</v>
      </c>
      <c r="E38" s="146">
        <f>E33/E28</f>
        <v>0.29779525512484117</v>
      </c>
      <c r="F38" s="147"/>
      <c r="G38" s="160"/>
      <c r="H38" s="160"/>
    </row>
    <row r="39" spans="1:10" ht="15.75" thickTop="1" x14ac:dyDescent="0.25">
      <c r="A39" s="128"/>
      <c r="B39" s="107"/>
      <c r="C39" s="107"/>
      <c r="D39" s="107"/>
      <c r="E39" s="107"/>
      <c r="F39" s="162"/>
      <c r="G39" s="162"/>
      <c r="H39" s="162"/>
      <c r="I39" s="162"/>
      <c r="J39" s="162"/>
    </row>
    <row r="40" spans="1:10" ht="22.5" customHeight="1" x14ac:dyDescent="0.25">
      <c r="A40" s="148" t="s">
        <v>194</v>
      </c>
      <c r="B40" s="148"/>
      <c r="C40" s="148"/>
      <c r="D40" s="148"/>
      <c r="E40" s="148"/>
      <c r="F40" s="148"/>
      <c r="G40" s="148"/>
      <c r="H40" s="163"/>
      <c r="I40" s="164"/>
      <c r="J40" s="164"/>
    </row>
  </sheetData>
  <mergeCells count="6">
    <mergeCell ref="C18:E18"/>
    <mergeCell ref="C23:E23"/>
    <mergeCell ref="F23:H23"/>
    <mergeCell ref="C30:E30"/>
    <mergeCell ref="F30:H30"/>
    <mergeCell ref="A40:G40"/>
  </mergeCells>
  <pageMargins left="0.7" right="0.7" top="0.75" bottom="0.75" header="0.3" footer="0.3"/>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F95DBA5-AB0C-4E6F-B779-57D60482B3A1}">
  <sheetPr>
    <tabColor theme="8" tint="0.79998168889431442"/>
  </sheetPr>
  <dimension ref="A2:L36"/>
  <sheetViews>
    <sheetView workbookViewId="0"/>
  </sheetViews>
  <sheetFormatPr defaultColWidth="9.140625" defaultRowHeight="15" x14ac:dyDescent="0.25"/>
  <cols>
    <col min="2" max="2" width="12" bestFit="1" customWidth="1"/>
    <col min="3" max="8" width="16.5703125" customWidth="1"/>
  </cols>
  <sheetData>
    <row r="2" spans="1:12" x14ac:dyDescent="0.25">
      <c r="A2" s="99"/>
      <c r="B2" s="99"/>
      <c r="C2" s="99"/>
      <c r="D2" s="99"/>
      <c r="E2" s="99"/>
      <c r="F2" s="99"/>
      <c r="G2" s="99"/>
      <c r="H2" s="99"/>
      <c r="I2" s="99"/>
      <c r="J2" s="99"/>
    </row>
    <row r="3" spans="1:12" x14ac:dyDescent="0.25">
      <c r="A3" s="100" t="s">
        <v>196</v>
      </c>
      <c r="B3" s="101"/>
      <c r="C3" s="101"/>
      <c r="D3" s="101"/>
      <c r="E3" s="101"/>
      <c r="F3" s="102"/>
      <c r="G3" s="102"/>
      <c r="H3" s="101"/>
    </row>
    <row r="4" spans="1:12" x14ac:dyDescent="0.25">
      <c r="A4" s="103"/>
      <c r="B4" s="104"/>
      <c r="C4" s="105">
        <v>2023</v>
      </c>
      <c r="D4" s="105">
        <f>+C4+1</f>
        <v>2024</v>
      </c>
      <c r="E4" s="106">
        <f>+D4+1</f>
        <v>2025</v>
      </c>
      <c r="F4" s="105">
        <v>2023</v>
      </c>
      <c r="G4" s="105">
        <f>+F4+1</f>
        <v>2024</v>
      </c>
      <c r="H4" s="105">
        <f>+G4+1</f>
        <v>2025</v>
      </c>
    </row>
    <row r="5" spans="1:12" x14ac:dyDescent="0.25">
      <c r="A5" s="107"/>
      <c r="B5" s="107"/>
      <c r="C5" s="108"/>
      <c r="D5" s="108"/>
      <c r="E5" s="109"/>
      <c r="F5" s="110"/>
      <c r="G5" s="110"/>
      <c r="H5" s="110"/>
    </row>
    <row r="6" spans="1:12" x14ac:dyDescent="0.25">
      <c r="A6" s="111" t="s">
        <v>183</v>
      </c>
      <c r="B6" s="112"/>
      <c r="C6" s="113" t="s">
        <v>184</v>
      </c>
      <c r="D6" s="113"/>
      <c r="E6" s="114"/>
      <c r="F6" s="115"/>
      <c r="G6" s="115"/>
      <c r="H6" s="115"/>
    </row>
    <row r="7" spans="1:12" x14ac:dyDescent="0.25">
      <c r="A7" s="116" t="s">
        <v>29</v>
      </c>
      <c r="B7" s="107"/>
      <c r="C7" s="117">
        <v>911</v>
      </c>
      <c r="D7" s="117">
        <v>1464</v>
      </c>
      <c r="E7" s="118">
        <v>1460</v>
      </c>
      <c r="F7" s="115"/>
      <c r="G7" s="115"/>
      <c r="H7" s="115"/>
      <c r="L7" t="s">
        <v>197</v>
      </c>
    </row>
    <row r="8" spans="1:12" x14ac:dyDescent="0.25">
      <c r="A8" s="119" t="s">
        <v>32</v>
      </c>
      <c r="B8" s="107"/>
      <c r="C8" s="117">
        <v>819.5</v>
      </c>
      <c r="D8" s="117">
        <v>1098</v>
      </c>
      <c r="E8" s="118">
        <v>1095</v>
      </c>
      <c r="F8" s="120"/>
      <c r="G8" s="120"/>
      <c r="H8" s="120"/>
      <c r="J8" s="155"/>
    </row>
    <row r="9" spans="1:12" x14ac:dyDescent="0.25">
      <c r="A9" s="119" t="s">
        <v>34</v>
      </c>
      <c r="B9" s="107"/>
      <c r="C9" s="117">
        <v>535.11319444444439</v>
      </c>
      <c r="D9" s="117">
        <v>732</v>
      </c>
      <c r="E9" s="118">
        <v>730</v>
      </c>
      <c r="F9" s="121"/>
      <c r="G9" s="121"/>
      <c r="H9" s="121"/>
      <c r="J9" s="155"/>
    </row>
    <row r="10" spans="1:12" x14ac:dyDescent="0.25">
      <c r="A10" s="122" t="s">
        <v>36</v>
      </c>
      <c r="B10" s="112"/>
      <c r="C10" s="117">
        <v>0</v>
      </c>
      <c r="D10" s="117">
        <v>0</v>
      </c>
      <c r="E10" s="118">
        <v>0</v>
      </c>
      <c r="F10" s="120"/>
      <c r="G10" s="120"/>
      <c r="H10" s="120"/>
      <c r="J10" s="155"/>
    </row>
    <row r="11" spans="1:12" x14ac:dyDescent="0.25">
      <c r="A11" s="123" t="s">
        <v>48</v>
      </c>
      <c r="B11" s="124"/>
      <c r="C11" s="125">
        <f>+SUM(C7:C10)</f>
        <v>2265.6131944444442</v>
      </c>
      <c r="D11" s="125">
        <f t="shared" ref="D11:E11" si="0">+SUM(D7:D10)</f>
        <v>3294</v>
      </c>
      <c r="E11" s="126">
        <f t="shared" si="0"/>
        <v>3285</v>
      </c>
      <c r="F11" s="127"/>
      <c r="G11" s="127"/>
      <c r="H11" s="127"/>
      <c r="J11" s="155"/>
      <c r="K11" s="166"/>
      <c r="L11" s="166"/>
    </row>
    <row r="12" spans="1:12" ht="5.25" customHeight="1" x14ac:dyDescent="0.25">
      <c r="A12" s="128"/>
      <c r="B12" s="129"/>
      <c r="C12" s="130"/>
      <c r="D12" s="130"/>
      <c r="E12" s="131"/>
      <c r="F12" s="127"/>
      <c r="G12" s="127"/>
      <c r="H12" s="127"/>
    </row>
    <row r="13" spans="1:12" x14ac:dyDescent="0.25">
      <c r="A13" s="111" t="s">
        <v>185</v>
      </c>
      <c r="B13" s="112"/>
      <c r="C13" s="113" t="s">
        <v>184</v>
      </c>
      <c r="D13" s="113"/>
      <c r="E13" s="114"/>
      <c r="F13" s="113" t="s">
        <v>186</v>
      </c>
      <c r="G13" s="113"/>
      <c r="H13" s="113"/>
    </row>
    <row r="14" spans="1:12" x14ac:dyDescent="0.25">
      <c r="A14" s="116" t="s">
        <v>29</v>
      </c>
      <c r="B14" s="107"/>
      <c r="C14" s="117">
        <v>0</v>
      </c>
      <c r="D14" s="117">
        <v>0</v>
      </c>
      <c r="E14" s="118">
        <v>0</v>
      </c>
      <c r="F14" s="117"/>
      <c r="G14" s="117"/>
      <c r="H14" s="117"/>
    </row>
    <row r="15" spans="1:12" x14ac:dyDescent="0.25">
      <c r="A15" s="119" t="s">
        <v>32</v>
      </c>
      <c r="B15" s="107"/>
      <c r="C15" s="117">
        <v>7618.5354166666675</v>
      </c>
      <c r="D15" s="117">
        <v>6117.3385416666661</v>
      </c>
      <c r="E15" s="118">
        <v>2872.3333333333335</v>
      </c>
      <c r="F15" s="117">
        <v>13250.941781267908</v>
      </c>
      <c r="G15" s="117">
        <v>12932.305802401266</v>
      </c>
      <c r="H15" s="117">
        <v>11850.832577483516</v>
      </c>
      <c r="J15" s="155"/>
    </row>
    <row r="16" spans="1:12" x14ac:dyDescent="0.25">
      <c r="A16" s="119" t="s">
        <v>34</v>
      </c>
      <c r="B16" s="107"/>
      <c r="C16" s="117">
        <v>8154.7416666666668</v>
      </c>
      <c r="D16" s="117">
        <v>4918.5347222222217</v>
      </c>
      <c r="E16" s="118">
        <v>2095.416666666667</v>
      </c>
      <c r="F16" s="117">
        <v>11597.255821756786</v>
      </c>
      <c r="G16" s="117">
        <v>10772.974775399407</v>
      </c>
      <c r="H16" s="117">
        <v>10859.310786898493</v>
      </c>
      <c r="J16" s="155"/>
    </row>
    <row r="17" spans="1:12" x14ac:dyDescent="0.25">
      <c r="A17" s="122" t="s">
        <v>36</v>
      </c>
      <c r="B17" s="112"/>
      <c r="C17" s="117">
        <v>3129.9027777777778</v>
      </c>
      <c r="D17" s="117">
        <v>4343.9541666666664</v>
      </c>
      <c r="E17" s="118">
        <v>4051.0402777777786</v>
      </c>
      <c r="F17" s="117">
        <v>11025.833742919867</v>
      </c>
      <c r="G17" s="132">
        <v>10597.5808740393</v>
      </c>
      <c r="H17" s="132">
        <v>10373.857177638276</v>
      </c>
      <c r="J17" s="155"/>
    </row>
    <row r="18" spans="1:12" x14ac:dyDescent="0.25">
      <c r="A18" s="123" t="s">
        <v>48</v>
      </c>
      <c r="B18" s="124"/>
      <c r="C18" s="125">
        <f>+SUM(C14:C17)</f>
        <v>18903.179861111112</v>
      </c>
      <c r="D18" s="125">
        <f t="shared" ref="D18:E18" si="1">+SUM(D14:D17)</f>
        <v>15379.827430555553</v>
      </c>
      <c r="E18" s="126">
        <f t="shared" si="1"/>
        <v>9018.7902777777781</v>
      </c>
      <c r="F18" s="125">
        <f>SUMPRODUCT(C14:C17,F14:F17)/C18</f>
        <v>12169.12624663615</v>
      </c>
      <c r="G18" s="125">
        <f t="shared" ref="G18:H18" si="2">SUMPRODUCT(D14:D17,G14:G17)/D18</f>
        <v>11582.311284750887</v>
      </c>
      <c r="H18" s="125">
        <f t="shared" si="2"/>
        <v>10957.038856691814</v>
      </c>
      <c r="J18" s="166"/>
      <c r="K18" s="166"/>
      <c r="L18" s="166"/>
    </row>
    <row r="19" spans="1:12" ht="5.25" customHeight="1" x14ac:dyDescent="0.25">
      <c r="A19" s="128"/>
      <c r="B19" s="129"/>
      <c r="C19" s="130"/>
      <c r="D19" s="130"/>
      <c r="E19" s="131"/>
      <c r="F19" s="127"/>
      <c r="G19" s="127"/>
      <c r="H19" s="127"/>
    </row>
    <row r="20" spans="1:12" ht="15.75" thickBot="1" x14ac:dyDescent="0.3">
      <c r="A20" s="133" t="s">
        <v>187</v>
      </c>
      <c r="B20" s="134"/>
      <c r="C20" s="135">
        <f>C11+C18</f>
        <v>21168.793055555558</v>
      </c>
      <c r="D20" s="135">
        <f t="shared" ref="D20" si="3">D11+D18</f>
        <v>18673.827430555553</v>
      </c>
      <c r="E20" s="136">
        <f>E11+E18</f>
        <v>12303.790277777778</v>
      </c>
      <c r="F20" s="108"/>
      <c r="G20" s="108"/>
      <c r="H20" s="108"/>
    </row>
    <row r="21" spans="1:12" ht="15.75" thickTop="1" x14ac:dyDescent="0.25">
      <c r="A21" s="128"/>
      <c r="B21" s="129"/>
      <c r="C21" s="130"/>
      <c r="D21" s="130"/>
      <c r="E21" s="137"/>
      <c r="F21" s="127"/>
      <c r="G21" s="127"/>
      <c r="H21" s="127"/>
    </row>
    <row r="22" spans="1:12" x14ac:dyDescent="0.25">
      <c r="A22" s="111" t="s">
        <v>188</v>
      </c>
      <c r="B22" s="112"/>
      <c r="C22" s="113" t="s">
        <v>184</v>
      </c>
      <c r="D22" s="113"/>
      <c r="E22" s="114"/>
      <c r="F22" s="113" t="s">
        <v>189</v>
      </c>
      <c r="G22" s="113"/>
      <c r="H22" s="113"/>
    </row>
    <row r="23" spans="1:12" x14ac:dyDescent="0.25">
      <c r="A23" s="116" t="s">
        <v>29</v>
      </c>
      <c r="B23" s="107"/>
      <c r="C23" s="117">
        <v>810</v>
      </c>
      <c r="D23" s="117">
        <v>0</v>
      </c>
      <c r="E23" s="118">
        <v>0</v>
      </c>
      <c r="F23" s="117">
        <v>20670.370370370369</v>
      </c>
      <c r="G23" s="117"/>
      <c r="H23" s="117"/>
    </row>
    <row r="24" spans="1:12" x14ac:dyDescent="0.25">
      <c r="A24" s="119" t="s">
        <v>32</v>
      </c>
      <c r="B24" s="107"/>
      <c r="C24" s="117">
        <v>8877.796875</v>
      </c>
      <c r="D24" s="117">
        <v>6083.8867527777784</v>
      </c>
      <c r="E24" s="118">
        <v>1440.9995999999999</v>
      </c>
      <c r="F24" s="117">
        <v>15874.640818127375</v>
      </c>
      <c r="G24" s="117">
        <v>14531.487505000288</v>
      </c>
      <c r="H24" s="117">
        <v>14372.145252503882</v>
      </c>
      <c r="J24" s="155"/>
    </row>
    <row r="25" spans="1:12" x14ac:dyDescent="0.25">
      <c r="A25" s="119" t="s">
        <v>34</v>
      </c>
      <c r="B25" s="107"/>
      <c r="C25" s="117">
        <v>10423.040416666667</v>
      </c>
      <c r="D25" s="117">
        <v>6969.331666666666</v>
      </c>
      <c r="E25" s="118">
        <v>2692.2497218222215</v>
      </c>
      <c r="F25" s="117">
        <v>14764.11220709195</v>
      </c>
      <c r="G25" s="117">
        <v>12951.250358754311</v>
      </c>
      <c r="H25" s="117">
        <v>11946.972036670366</v>
      </c>
      <c r="J25" s="155"/>
    </row>
    <row r="26" spans="1:12" x14ac:dyDescent="0.25">
      <c r="A26" s="122" t="s">
        <v>36</v>
      </c>
      <c r="B26" s="112"/>
      <c r="C26" s="117">
        <v>2940.9236111111113</v>
      </c>
      <c r="D26" s="117">
        <v>2512.2631944444447</v>
      </c>
      <c r="E26" s="118">
        <v>1931.9048611111107</v>
      </c>
      <c r="F26" s="132">
        <v>11834.406172927555</v>
      </c>
      <c r="G26" s="132">
        <v>10591.922425708981</v>
      </c>
      <c r="H26" s="132">
        <v>9974.0754646738515</v>
      </c>
      <c r="J26" s="155"/>
    </row>
    <row r="27" spans="1:12" ht="15.75" thickBot="1" x14ac:dyDescent="0.3">
      <c r="A27" s="133" t="s">
        <v>48</v>
      </c>
      <c r="B27" s="134"/>
      <c r="C27" s="135">
        <f>+SUM(C23:C26)</f>
        <v>23051.76090277778</v>
      </c>
      <c r="D27" s="135">
        <f t="shared" ref="D27" si="4">+SUM(D23:D26)</f>
        <v>15565.481613888889</v>
      </c>
      <c r="E27" s="136">
        <f t="shared" ref="E27" si="5">+SUM(E23:E26)</f>
        <v>6065.1541829333328</v>
      </c>
      <c r="F27" s="135">
        <f>SUMPRODUCT(C23:C26,F23:F26)/C27</f>
        <v>15025.570536493971</v>
      </c>
      <c r="G27" s="135">
        <f t="shared" ref="G27:H27" si="6">SUMPRODUCT(D23:D26,G23:G26)/D27</f>
        <v>13188.103364779463</v>
      </c>
      <c r="H27" s="135">
        <f t="shared" si="6"/>
        <v>11894.743381897817</v>
      </c>
      <c r="J27" s="166"/>
      <c r="K27" s="166"/>
      <c r="L27" s="166"/>
    </row>
    <row r="28" spans="1:12" ht="15.75" thickTop="1" x14ac:dyDescent="0.25">
      <c r="A28" s="138"/>
      <c r="B28" s="107"/>
      <c r="C28" s="139"/>
      <c r="D28" s="139"/>
      <c r="E28" s="140"/>
      <c r="F28" s="139"/>
      <c r="G28" s="139"/>
      <c r="H28" s="139"/>
    </row>
    <row r="29" spans="1:12" x14ac:dyDescent="0.25">
      <c r="A29" s="111" t="s">
        <v>190</v>
      </c>
      <c r="B29" s="112"/>
      <c r="C29" s="141"/>
      <c r="D29" s="141"/>
      <c r="E29" s="142"/>
      <c r="F29" s="108"/>
      <c r="G29" s="108"/>
      <c r="H29" s="108"/>
    </row>
    <row r="30" spans="1:12" x14ac:dyDescent="0.25">
      <c r="A30" s="119" t="s">
        <v>29</v>
      </c>
      <c r="B30" s="107"/>
      <c r="C30" s="143">
        <f t="shared" ref="C30:E33" si="7">C23/(C7+C14)</f>
        <v>0.88913282107574099</v>
      </c>
      <c r="D30" s="143">
        <f t="shared" si="7"/>
        <v>0</v>
      </c>
      <c r="E30" s="144">
        <f t="shared" si="7"/>
        <v>0</v>
      </c>
      <c r="F30" s="108"/>
      <c r="G30" s="108"/>
      <c r="H30" s="108"/>
    </row>
    <row r="31" spans="1:12" x14ac:dyDescent="0.25">
      <c r="A31" s="119" t="s">
        <v>32</v>
      </c>
      <c r="B31" s="107"/>
      <c r="C31" s="143">
        <f t="shared" si="7"/>
        <v>1.0521165693930039</v>
      </c>
      <c r="D31" s="143">
        <f t="shared" si="7"/>
        <v>0.84318798316183585</v>
      </c>
      <c r="E31" s="144">
        <f t="shared" si="7"/>
        <v>0.36321616535036122</v>
      </c>
      <c r="F31" s="108"/>
      <c r="G31" s="108"/>
      <c r="H31" s="108"/>
    </row>
    <row r="32" spans="1:12" x14ac:dyDescent="0.25">
      <c r="A32" s="119" t="s">
        <v>34</v>
      </c>
      <c r="B32" s="107"/>
      <c r="C32" s="143">
        <f t="shared" si="7"/>
        <v>1.1994493099432439</v>
      </c>
      <c r="D32" s="143">
        <f t="shared" si="7"/>
        <v>1.233393299798323</v>
      </c>
      <c r="E32" s="144">
        <f t="shared" si="7"/>
        <v>0.95286821005358069</v>
      </c>
      <c r="F32" s="108"/>
      <c r="G32" s="108"/>
      <c r="H32" s="108"/>
    </row>
    <row r="33" spans="1:8" x14ac:dyDescent="0.25">
      <c r="A33" s="122" t="s">
        <v>36</v>
      </c>
      <c r="B33" s="112"/>
      <c r="C33" s="143">
        <f t="shared" si="7"/>
        <v>0.93962139399076117</v>
      </c>
      <c r="D33" s="143">
        <f t="shared" si="7"/>
        <v>0.57833556664163199</v>
      </c>
      <c r="E33" s="144">
        <f t="shared" si="7"/>
        <v>0.47689105233257967</v>
      </c>
      <c r="F33" s="108"/>
      <c r="G33" s="108"/>
      <c r="H33" s="108"/>
    </row>
    <row r="34" spans="1:8" ht="15.75" thickBot="1" x14ac:dyDescent="0.3">
      <c r="A34" s="133" t="s">
        <v>48</v>
      </c>
      <c r="B34" s="134"/>
      <c r="C34" s="145">
        <f>C27/C20</f>
        <v>1.0889501750185069</v>
      </c>
      <c r="D34" s="145">
        <f>D27/D20</f>
        <v>0.83354532817516835</v>
      </c>
      <c r="E34" s="146">
        <f>E27/E20</f>
        <v>0.49295006221682586</v>
      </c>
      <c r="F34" s="147"/>
      <c r="G34" s="147"/>
      <c r="H34" s="147"/>
    </row>
    <row r="35" spans="1:8" ht="15.75" thickTop="1" x14ac:dyDescent="0.25"/>
    <row r="36" spans="1:8" ht="21.75" customHeight="1" x14ac:dyDescent="0.25">
      <c r="A36" s="148" t="s">
        <v>191</v>
      </c>
      <c r="B36" s="148"/>
      <c r="C36" s="148"/>
      <c r="D36" s="148"/>
      <c r="E36" s="148"/>
      <c r="F36" s="148"/>
    </row>
  </sheetData>
  <mergeCells count="6">
    <mergeCell ref="C6:E6"/>
    <mergeCell ref="C13:E13"/>
    <mergeCell ref="F13:H13"/>
    <mergeCell ref="C22:E22"/>
    <mergeCell ref="F22:H22"/>
    <mergeCell ref="A36:F36"/>
  </mergeCells>
  <pageMargins left="0.7" right="0.7" top="0.75" bottom="0.75" header="0.3" footer="0.3"/>
  <pageSetup orientation="portrait" horizontalDpi="300" verticalDpi="300"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8CCEE7D-B60F-4685-875A-C26E9FC092A2}">
  <sheetPr>
    <tabColor theme="8" tint="0.79998168889431442"/>
  </sheetPr>
  <dimension ref="A1:M40"/>
  <sheetViews>
    <sheetView topLeftCell="A13" workbookViewId="0"/>
  </sheetViews>
  <sheetFormatPr defaultColWidth="9.140625" defaultRowHeight="15" x14ac:dyDescent="0.25"/>
  <cols>
    <col min="2" max="2" width="12" customWidth="1"/>
    <col min="3" max="8" width="16.5703125" customWidth="1"/>
  </cols>
  <sheetData>
    <row r="1" spans="1:8" hidden="1" x14ac:dyDescent="0.25">
      <c r="B1" t="s">
        <v>192</v>
      </c>
    </row>
    <row r="2" spans="1:8" hidden="1" x14ac:dyDescent="0.25">
      <c r="A2">
        <v>2020</v>
      </c>
      <c r="B2" s="149">
        <v>10000</v>
      </c>
    </row>
    <row r="3" spans="1:8" hidden="1" x14ac:dyDescent="0.25">
      <c r="A3">
        <v>2021</v>
      </c>
      <c r="B3" s="149">
        <v>10000</v>
      </c>
    </row>
    <row r="4" spans="1:8" hidden="1" x14ac:dyDescent="0.25">
      <c r="A4">
        <v>2022</v>
      </c>
      <c r="B4" s="149">
        <v>10000</v>
      </c>
    </row>
    <row r="5" spans="1:8" hidden="1" x14ac:dyDescent="0.25">
      <c r="A5">
        <v>2023</v>
      </c>
      <c r="B5" s="149">
        <v>10000</v>
      </c>
    </row>
    <row r="6" spans="1:8" hidden="1" x14ac:dyDescent="0.25">
      <c r="A6">
        <v>2024</v>
      </c>
      <c r="B6" s="149">
        <v>10000</v>
      </c>
    </row>
    <row r="7" spans="1:8" hidden="1" x14ac:dyDescent="0.25">
      <c r="A7">
        <v>2025</v>
      </c>
      <c r="B7" s="149">
        <v>10000</v>
      </c>
    </row>
    <row r="8" spans="1:8" hidden="1" x14ac:dyDescent="0.25"/>
    <row r="9" spans="1:8" hidden="1" x14ac:dyDescent="0.25"/>
    <row r="10" spans="1:8" hidden="1" x14ac:dyDescent="0.25"/>
    <row r="11" spans="1:8" hidden="1" x14ac:dyDescent="0.25"/>
    <row r="12" spans="1:8" hidden="1" x14ac:dyDescent="0.25"/>
    <row r="15" spans="1:8" x14ac:dyDescent="0.25">
      <c r="A15" s="100" t="s">
        <v>195</v>
      </c>
      <c r="B15" s="101"/>
      <c r="C15" s="101"/>
      <c r="D15" s="101"/>
      <c r="E15" s="101"/>
      <c r="F15" s="150"/>
      <c r="G15" s="150"/>
      <c r="H15" s="150"/>
    </row>
    <row r="16" spans="1:8" x14ac:dyDescent="0.25">
      <c r="A16" s="151"/>
      <c r="B16" s="104"/>
      <c r="C16" s="105">
        <v>2023</v>
      </c>
      <c r="D16" s="105">
        <v>2024</v>
      </c>
      <c r="E16" s="106">
        <v>2025</v>
      </c>
      <c r="F16" s="105">
        <v>2023</v>
      </c>
      <c r="G16" s="105">
        <f>+F16+1</f>
        <v>2024</v>
      </c>
      <c r="H16" s="105">
        <f>+G16+1</f>
        <v>2025</v>
      </c>
    </row>
    <row r="17" spans="1:10" x14ac:dyDescent="0.25">
      <c r="A17" s="116"/>
      <c r="B17" s="99"/>
      <c r="C17" s="152"/>
      <c r="D17" s="152"/>
      <c r="E17" s="153"/>
      <c r="F17" s="152"/>
      <c r="G17" s="152"/>
      <c r="H17" s="152"/>
    </row>
    <row r="18" spans="1:10" x14ac:dyDescent="0.25">
      <c r="A18" s="111" t="s">
        <v>183</v>
      </c>
      <c r="B18" s="112"/>
      <c r="C18" s="113" t="s">
        <v>184</v>
      </c>
      <c r="D18" s="113"/>
      <c r="E18" s="114"/>
      <c r="F18" s="115"/>
      <c r="G18" s="115"/>
      <c r="H18" s="115"/>
    </row>
    <row r="19" spans="1:10" x14ac:dyDescent="0.25">
      <c r="A19" s="119" t="s">
        <v>38</v>
      </c>
      <c r="B19" s="107"/>
      <c r="C19" s="117">
        <v>3015.0006944444444</v>
      </c>
      <c r="D19" s="117">
        <v>4026</v>
      </c>
      <c r="E19" s="118">
        <v>4015</v>
      </c>
      <c r="F19" s="154"/>
      <c r="G19" s="154"/>
      <c r="H19" s="154"/>
      <c r="I19" s="155"/>
      <c r="J19" s="155"/>
    </row>
    <row r="20" spans="1:10" x14ac:dyDescent="0.25">
      <c r="A20" s="122" t="s">
        <v>43</v>
      </c>
      <c r="B20" s="112"/>
      <c r="C20" s="117"/>
      <c r="D20" s="117"/>
      <c r="E20" s="118"/>
      <c r="F20" s="154"/>
      <c r="G20" s="154"/>
      <c r="H20" s="154"/>
      <c r="J20" s="155"/>
    </row>
    <row r="21" spans="1:10" x14ac:dyDescent="0.25">
      <c r="A21" s="123" t="s">
        <v>48</v>
      </c>
      <c r="B21" s="124"/>
      <c r="C21" s="125">
        <f>C19+C20</f>
        <v>3015.0006944444444</v>
      </c>
      <c r="D21" s="125">
        <f t="shared" ref="D21" si="0">D19+D20</f>
        <v>4026</v>
      </c>
      <c r="E21" s="126">
        <f>E19+E20</f>
        <v>4015</v>
      </c>
      <c r="F21" s="127"/>
      <c r="G21" s="127"/>
      <c r="H21" s="127"/>
    </row>
    <row r="22" spans="1:10" ht="5.25" customHeight="1" x14ac:dyDescent="0.25">
      <c r="A22" s="128"/>
      <c r="B22" s="129"/>
      <c r="C22" s="130"/>
      <c r="D22" s="130"/>
      <c r="E22" s="137"/>
      <c r="F22" s="127"/>
      <c r="G22" s="127"/>
      <c r="H22" s="127"/>
      <c r="I22" s="99"/>
    </row>
    <row r="23" spans="1:10" x14ac:dyDescent="0.25">
      <c r="A23" s="111" t="s">
        <v>185</v>
      </c>
      <c r="B23" s="111"/>
      <c r="C23" s="113" t="s">
        <v>184</v>
      </c>
      <c r="D23" s="113"/>
      <c r="E23" s="114"/>
      <c r="F23" s="113" t="s">
        <v>186</v>
      </c>
      <c r="G23" s="113"/>
      <c r="H23" s="113"/>
    </row>
    <row r="24" spans="1:10" x14ac:dyDescent="0.25">
      <c r="A24" s="119" t="s">
        <v>38</v>
      </c>
      <c r="B24" s="107"/>
      <c r="C24" s="117">
        <v>5925.1958333333332</v>
      </c>
      <c r="D24" s="117">
        <v>6163.9986111111111</v>
      </c>
      <c r="E24" s="118">
        <v>6260.8409722222223</v>
      </c>
      <c r="F24" s="117">
        <v>14138.175620542741</v>
      </c>
      <c r="G24" s="117">
        <v>14274.023559108236</v>
      </c>
      <c r="H24" s="117">
        <v>14709.913849461651</v>
      </c>
      <c r="J24" s="155"/>
    </row>
    <row r="25" spans="1:10" x14ac:dyDescent="0.25">
      <c r="A25" s="122" t="s">
        <v>43</v>
      </c>
      <c r="B25" s="112"/>
      <c r="C25" s="117"/>
      <c r="D25" s="117"/>
      <c r="E25" s="118"/>
      <c r="F25" s="117"/>
      <c r="G25" s="117"/>
      <c r="H25" s="117"/>
      <c r="J25" s="155"/>
    </row>
    <row r="26" spans="1:10" x14ac:dyDescent="0.25">
      <c r="A26" s="123" t="s">
        <v>48</v>
      </c>
      <c r="B26" s="124"/>
      <c r="C26" s="125">
        <f>SUM(C24:C25)</f>
        <v>5925.1958333333332</v>
      </c>
      <c r="D26" s="125">
        <f>SUM(D24:D25)</f>
        <v>6163.9986111111111</v>
      </c>
      <c r="E26" s="126">
        <f>SUM(E24:E25)</f>
        <v>6260.8409722222223</v>
      </c>
      <c r="F26" s="156">
        <f>SUMPRODUCT(C24:C25,F24:F25)/C26</f>
        <v>14138.175620542741</v>
      </c>
      <c r="G26" s="156">
        <f>SUMPRODUCT(D24:D25,G24:G25)/D26</f>
        <v>14274.023559108235</v>
      </c>
      <c r="H26" s="156">
        <f>SUMPRODUCT(E24:E25,H24:H25)/E26</f>
        <v>14709.913849461651</v>
      </c>
    </row>
    <row r="27" spans="1:10" ht="5.25" customHeight="1" x14ac:dyDescent="0.25">
      <c r="A27" s="128"/>
      <c r="B27" s="129"/>
      <c r="C27" s="115"/>
      <c r="D27" s="115"/>
      <c r="E27" s="157"/>
      <c r="F27" s="158"/>
      <c r="G27" s="158"/>
      <c r="H27" s="158"/>
    </row>
    <row r="28" spans="1:10" ht="15.75" thickBot="1" x14ac:dyDescent="0.3">
      <c r="A28" s="133" t="s">
        <v>187</v>
      </c>
      <c r="B28" s="134"/>
      <c r="C28" s="135">
        <f>C21+C26</f>
        <v>8940.1965277777781</v>
      </c>
      <c r="D28" s="135">
        <f>D21+D26</f>
        <v>10189.99861111111</v>
      </c>
      <c r="E28" s="136">
        <f>E21+E26</f>
        <v>10275.840972222222</v>
      </c>
      <c r="F28" s="159"/>
      <c r="G28" s="160"/>
      <c r="H28" s="160"/>
    </row>
    <row r="29" spans="1:10" ht="15.75" thickTop="1" x14ac:dyDescent="0.25">
      <c r="A29" s="128"/>
      <c r="B29" s="129"/>
      <c r="C29" s="130"/>
      <c r="D29" s="130"/>
      <c r="E29" s="137"/>
      <c r="F29" s="127"/>
      <c r="G29" s="127"/>
      <c r="H29" s="127"/>
    </row>
    <row r="30" spans="1:10" x14ac:dyDescent="0.25">
      <c r="A30" s="111" t="s">
        <v>188</v>
      </c>
      <c r="B30" s="111"/>
      <c r="C30" s="113" t="s">
        <v>184</v>
      </c>
      <c r="D30" s="113"/>
      <c r="E30" s="114"/>
      <c r="F30" s="113" t="s">
        <v>189</v>
      </c>
      <c r="G30" s="113"/>
      <c r="H30" s="113"/>
      <c r="I30" s="129"/>
    </row>
    <row r="31" spans="1:10" x14ac:dyDescent="0.25">
      <c r="A31" s="119" t="s">
        <v>38</v>
      </c>
      <c r="B31" s="107"/>
      <c r="C31" s="117">
        <v>7101.2652777777776</v>
      </c>
      <c r="D31" s="117">
        <v>3848.2006944444443</v>
      </c>
      <c r="E31" s="118">
        <v>2790.5666666666666</v>
      </c>
      <c r="F31" s="117">
        <v>21545.94183240108</v>
      </c>
      <c r="G31" s="117">
        <v>21916.940380772197</v>
      </c>
      <c r="H31" s="117">
        <v>21126.029864248863</v>
      </c>
      <c r="J31" s="155"/>
    </row>
    <row r="32" spans="1:10" x14ac:dyDescent="0.25">
      <c r="A32" s="122" t="s">
        <v>43</v>
      </c>
      <c r="B32" s="112"/>
      <c r="C32" s="117"/>
      <c r="D32" s="117"/>
      <c r="E32" s="118"/>
      <c r="F32" s="117"/>
      <c r="G32" s="117"/>
      <c r="H32" s="117"/>
      <c r="J32" s="155"/>
    </row>
    <row r="33" spans="1:13" ht="15.75" thickBot="1" x14ac:dyDescent="0.3">
      <c r="A33" s="133" t="s">
        <v>48</v>
      </c>
      <c r="B33" s="134"/>
      <c r="C33" s="135">
        <f>SUM(C31:C32)</f>
        <v>7101.2652777777776</v>
      </c>
      <c r="D33" s="135">
        <f>SUM(D31:D32)</f>
        <v>3848.2006944444443</v>
      </c>
      <c r="E33" s="136">
        <f>SUM(E31:E32)</f>
        <v>2790.5666666666666</v>
      </c>
      <c r="F33" s="135">
        <f>SUMPRODUCT(C31:C32,F31:F32)/C33</f>
        <v>21545.941832401084</v>
      </c>
      <c r="G33" s="135">
        <f>SUMPRODUCT(D31:D32,G31:G32)/D33</f>
        <v>21916.940380772197</v>
      </c>
      <c r="H33" s="135">
        <f>IFERROR(SUMPRODUCT(E31:E32,H31:H32)/E33,0)</f>
        <v>21126.029864248863</v>
      </c>
    </row>
    <row r="34" spans="1:13" ht="15.75" thickTop="1" x14ac:dyDescent="0.25">
      <c r="A34" s="138"/>
      <c r="B34" s="107"/>
      <c r="C34" s="139"/>
      <c r="D34" s="139"/>
      <c r="E34" s="140"/>
      <c r="F34" s="139"/>
      <c r="G34" s="139"/>
      <c r="H34" s="139"/>
    </row>
    <row r="35" spans="1:13" x14ac:dyDescent="0.25">
      <c r="A35" s="111" t="s">
        <v>190</v>
      </c>
      <c r="B35" s="111"/>
      <c r="C35" s="141"/>
      <c r="D35" s="141"/>
      <c r="E35" s="161"/>
      <c r="F35" s="159"/>
      <c r="G35" s="160"/>
      <c r="H35" s="160"/>
    </row>
    <row r="36" spans="1:13" x14ac:dyDescent="0.25">
      <c r="A36" s="119" t="s">
        <v>38</v>
      </c>
      <c r="B36" s="107"/>
      <c r="C36" s="143">
        <f>IFERROR(C31/(C19+C24),"")</f>
        <v>0.79430751390237109</v>
      </c>
      <c r="D36" s="143">
        <f>IFERROR(D31/(D19+D24),"")</f>
        <v>0.37764486937695857</v>
      </c>
      <c r="E36" s="144">
        <f t="shared" ref="C36:G37" si="1">IFERROR(E31/(E19+E24),"")</f>
        <v>0.27156577006302063</v>
      </c>
      <c r="F36" s="108"/>
      <c r="G36" s="160"/>
      <c r="H36" s="160"/>
    </row>
    <row r="37" spans="1:13" x14ac:dyDescent="0.25">
      <c r="A37" s="122" t="s">
        <v>43</v>
      </c>
      <c r="B37" s="112"/>
      <c r="C37" s="143" t="str">
        <f t="shared" si="1"/>
        <v/>
      </c>
      <c r="D37" s="143" t="str">
        <f t="shared" si="1"/>
        <v/>
      </c>
      <c r="E37" s="144" t="str">
        <f t="shared" si="1"/>
        <v/>
      </c>
      <c r="F37" s="108"/>
      <c r="G37" s="160"/>
      <c r="H37" s="160"/>
    </row>
    <row r="38" spans="1:13" ht="15.75" thickBot="1" x14ac:dyDescent="0.3">
      <c r="A38" s="133" t="s">
        <v>48</v>
      </c>
      <c r="B38" s="134"/>
      <c r="C38" s="145">
        <f>C33/C28</f>
        <v>0.79430751390237109</v>
      </c>
      <c r="D38" s="145">
        <f>D33/D28</f>
        <v>0.37764486937695857</v>
      </c>
      <c r="E38" s="146">
        <f>E33/E28</f>
        <v>0.27156577006302063</v>
      </c>
      <c r="F38" s="147"/>
      <c r="G38" s="160"/>
      <c r="H38" s="160"/>
    </row>
    <row r="39" spans="1:13" ht="15.75" thickTop="1" x14ac:dyDescent="0.25">
      <c r="A39" s="128"/>
      <c r="B39" s="107"/>
      <c r="C39" s="107"/>
      <c r="D39" s="107"/>
      <c r="E39" s="107"/>
      <c r="F39" s="162"/>
      <c r="G39" s="162"/>
      <c r="H39" s="162"/>
      <c r="I39" s="162"/>
      <c r="J39" s="162"/>
      <c r="K39" s="162"/>
      <c r="L39" s="107"/>
      <c r="M39" s="165"/>
    </row>
    <row r="40" spans="1:13" ht="22.5" customHeight="1" x14ac:dyDescent="0.25">
      <c r="A40" s="148" t="s">
        <v>194</v>
      </c>
      <c r="B40" s="148"/>
      <c r="C40" s="148"/>
      <c r="D40" s="148"/>
      <c r="E40" s="148"/>
      <c r="F40" s="148"/>
      <c r="G40" s="148"/>
      <c r="H40" s="163"/>
      <c r="I40" s="164"/>
      <c r="J40" s="164"/>
      <c r="K40" s="164"/>
      <c r="L40" s="164"/>
      <c r="M40" s="164"/>
    </row>
  </sheetData>
  <mergeCells count="6">
    <mergeCell ref="C18:E18"/>
    <mergeCell ref="C23:E23"/>
    <mergeCell ref="F23:H23"/>
    <mergeCell ref="C30:E30"/>
    <mergeCell ref="F30:H30"/>
    <mergeCell ref="A40:G40"/>
  </mergeCells>
  <pageMargins left="0.7" right="0.7" top="0.75" bottom="0.75" header="0.3" footer="0.3"/>
</worksheet>
</file>

<file path=xl/worksheets/sheet7.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D0CB85F-DB86-4EB3-A789-A6220BF2F12B}">
  <sheetPr>
    <pageSetUpPr fitToPage="1"/>
  </sheetPr>
  <dimension ref="B2:AU56"/>
  <sheetViews>
    <sheetView showGridLines="0" tabSelected="1" zoomScale="70" zoomScaleNormal="70" workbookViewId="0">
      <selection activeCell="L49" sqref="L49"/>
    </sheetView>
  </sheetViews>
  <sheetFormatPr defaultRowHeight="15" x14ac:dyDescent="0.25"/>
  <cols>
    <col min="2" max="2" width="15.7109375" customWidth="1"/>
    <col min="3" max="3" width="17.42578125" customWidth="1"/>
    <col min="4" max="4" width="19.85546875" customWidth="1"/>
    <col min="5" max="5" width="17.42578125" customWidth="1"/>
    <col min="6" max="6" width="24.42578125" hidden="1" customWidth="1"/>
    <col min="7" max="7" width="17.42578125" customWidth="1"/>
    <col min="8" max="8" width="19.7109375" customWidth="1"/>
    <col min="9" max="9" width="18" hidden="1" customWidth="1"/>
    <col min="10" max="10" width="6.140625" customWidth="1"/>
    <col min="11" max="11" width="11.42578125" customWidth="1"/>
    <col min="12" max="12" width="17.28515625" customWidth="1"/>
    <col min="13" max="13" width="17.42578125" customWidth="1"/>
    <col min="14" max="14" width="20.5703125" bestFit="1" customWidth="1"/>
    <col min="15" max="15" width="12.85546875" hidden="1" customWidth="1"/>
    <col min="16" max="17" width="17.42578125" customWidth="1"/>
    <col min="18" max="18" width="14.28515625" hidden="1" customWidth="1"/>
    <col min="19" max="19" width="21.5703125" bestFit="1" customWidth="1"/>
    <col min="20" max="20" width="15.42578125" customWidth="1"/>
    <col min="21" max="21" width="13.85546875" customWidth="1"/>
    <col min="22" max="22" width="17.42578125" customWidth="1"/>
    <col min="23" max="23" width="20.5703125" bestFit="1" customWidth="1"/>
    <col min="24" max="24" width="14.42578125" hidden="1" customWidth="1"/>
    <col min="25" max="25" width="17.42578125" customWidth="1"/>
    <col min="26" max="26" width="15.42578125" bestFit="1" customWidth="1"/>
    <col min="27" max="27" width="11.140625" hidden="1" customWidth="1"/>
    <col min="28" max="28" width="21.5703125" bestFit="1" customWidth="1"/>
    <col min="30" max="30" width="13.85546875" customWidth="1"/>
    <col min="31" max="31" width="17.42578125" customWidth="1"/>
    <col min="32" max="32" width="20.5703125" bestFit="1" customWidth="1"/>
    <col min="33" max="33" width="14.42578125" hidden="1" customWidth="1"/>
    <col min="34" max="34" width="17.42578125" customWidth="1"/>
    <col min="35" max="35" width="15.42578125" bestFit="1" customWidth="1"/>
    <col min="36" max="36" width="11.140625" hidden="1" customWidth="1"/>
    <col min="37" max="37" width="21.5703125" bestFit="1" customWidth="1"/>
    <col min="44" max="44" width="27.7109375" customWidth="1"/>
    <col min="45" max="45" width="14.5703125" customWidth="1"/>
    <col min="46" max="46" width="15.85546875" customWidth="1"/>
    <col min="47" max="47" width="13.7109375" customWidth="1"/>
  </cols>
  <sheetData>
    <row r="2" spans="2:47" ht="34.5" customHeight="1" x14ac:dyDescent="0.4">
      <c r="B2" s="44" t="s">
        <v>155</v>
      </c>
    </row>
    <row r="3" spans="2:47" ht="12" customHeight="1" thickBot="1" x14ac:dyDescent="0.3">
      <c r="J3" s="45"/>
    </row>
    <row r="4" spans="2:47" x14ac:dyDescent="0.25">
      <c r="B4" s="46" t="s">
        <v>156</v>
      </c>
      <c r="C4" s="47" t="s">
        <v>157</v>
      </c>
      <c r="D4" s="48" t="s">
        <v>158</v>
      </c>
      <c r="E4" s="48" t="s">
        <v>159</v>
      </c>
      <c r="G4" s="49" t="s">
        <v>160</v>
      </c>
      <c r="J4" s="50"/>
      <c r="L4" s="51" t="s">
        <v>161</v>
      </c>
      <c r="M4" s="52">
        <v>0.01</v>
      </c>
    </row>
    <row r="5" spans="2:47" ht="20.100000000000001" customHeight="1" x14ac:dyDescent="0.25">
      <c r="B5" s="53" t="s">
        <v>29</v>
      </c>
      <c r="C5" s="54">
        <v>1</v>
      </c>
      <c r="D5" s="55" t="str">
        <f>IF(SUM(H15:H29)=0,"",SUM(F15:F29)*10^-6)</f>
        <v/>
      </c>
      <c r="E5" s="55" t="str">
        <f>IF(SUM(H15:H29)=0,"",SUM(I15:I29)*10^-6)</f>
        <v/>
      </c>
      <c r="G5" s="56" t="str">
        <f>IFERROR(D5+E5,"")</f>
        <v/>
      </c>
      <c r="I5" s="50"/>
      <c r="L5" s="51" t="s">
        <v>162</v>
      </c>
      <c r="M5" s="52">
        <v>3.7499999999999999E-2</v>
      </c>
    </row>
    <row r="6" spans="2:47" ht="20.100000000000001" customHeight="1" x14ac:dyDescent="0.25">
      <c r="B6" s="53" t="s">
        <v>32</v>
      </c>
      <c r="C6" s="54">
        <v>1.0202090909090911</v>
      </c>
      <c r="D6" s="55" t="str">
        <f>IF(SUM(S15:S29)=0,"",SUM(O15:O29)*10^-6)</f>
        <v/>
      </c>
      <c r="E6" s="55" t="str">
        <f>IF(SUM(S15:S29)=0,"",SUM(R15:R29)*10^-6)</f>
        <v/>
      </c>
      <c r="F6" s="57"/>
      <c r="G6" s="56" t="str">
        <f>IFERROR(D6+E6,"")</f>
        <v/>
      </c>
      <c r="I6" s="50"/>
    </row>
    <row r="7" spans="2:47" ht="20.100000000000001" customHeight="1" x14ac:dyDescent="0.25">
      <c r="B7" s="53" t="s">
        <v>34</v>
      </c>
      <c r="C7" s="54">
        <v>1.0469820833333332</v>
      </c>
      <c r="D7" s="55" t="str">
        <f>IF(SUM(AB15:AB29)=0,"",SUM(X15:X29)*10^-6)</f>
        <v/>
      </c>
      <c r="E7" s="55" t="str">
        <f>IF(SUM(AB15:AB29)=0,"",SUM(AA15:AA29)*10^-6)</f>
        <v/>
      </c>
      <c r="F7" s="57"/>
      <c r="G7" s="56" t="str">
        <f>IFERROR(D7+E7,"")</f>
        <v/>
      </c>
      <c r="I7" s="50"/>
    </row>
    <row r="8" spans="2:47" ht="20.100000000000001" customHeight="1" x14ac:dyDescent="0.25">
      <c r="B8" s="53" t="s">
        <v>36</v>
      </c>
      <c r="C8" s="54">
        <v>1.0677694444444445</v>
      </c>
      <c r="D8" s="55" t="str">
        <f>IF(SUM(AK15:AK29)=0,"",SUM(AG15:AG29)*10^-6)</f>
        <v/>
      </c>
      <c r="E8" s="55" t="str">
        <f>IF(SUM(AK15:AK29)=0,"",SUM(AJ15:AJ29)*10^-6)</f>
        <v/>
      </c>
      <c r="F8" s="57"/>
      <c r="G8" s="56" t="str">
        <f>IFERROR(D8+E8,"")</f>
        <v/>
      </c>
      <c r="I8" s="50"/>
    </row>
    <row r="9" spans="2:47" ht="20.100000000000001" customHeight="1" x14ac:dyDescent="0.25">
      <c r="B9" s="58" t="s">
        <v>163</v>
      </c>
      <c r="C9" s="59"/>
      <c r="D9" s="59"/>
      <c r="E9" s="60"/>
      <c r="F9" s="61"/>
      <c r="G9" s="62">
        <f>+SUM(G5:G8)</f>
        <v>0</v>
      </c>
      <c r="I9" s="50"/>
      <c r="J9" s="50"/>
      <c r="K9" s="63"/>
      <c r="L9" s="63"/>
    </row>
    <row r="10" spans="2:47" ht="20.100000000000001" customHeight="1" thickBot="1" x14ac:dyDescent="0.3">
      <c r="B10" s="64" t="s">
        <v>164</v>
      </c>
      <c r="C10" s="65"/>
      <c r="D10" s="65"/>
      <c r="E10" s="66"/>
      <c r="G10" s="67">
        <f>G9*1000000/(32.821817*10^6)</f>
        <v>0</v>
      </c>
      <c r="J10" s="45"/>
    </row>
    <row r="11" spans="2:47" x14ac:dyDescent="0.25">
      <c r="B11" s="68"/>
      <c r="F11" s="69"/>
      <c r="G11" s="70"/>
      <c r="H11" s="71"/>
    </row>
    <row r="12" spans="2:47" x14ac:dyDescent="0.25">
      <c r="B12" s="72" t="s">
        <v>29</v>
      </c>
      <c r="D12" s="72"/>
      <c r="E12" s="72"/>
      <c r="F12" s="72"/>
      <c r="G12" s="72"/>
      <c r="H12" s="72"/>
      <c r="I12" s="72"/>
      <c r="J12" s="72"/>
      <c r="L12" s="72" t="s">
        <v>32</v>
      </c>
      <c r="N12" s="72"/>
      <c r="O12" s="72"/>
      <c r="P12" s="72"/>
      <c r="Q12" s="72"/>
      <c r="R12" s="72"/>
      <c r="S12" s="72"/>
      <c r="T12" s="72"/>
      <c r="U12" s="72" t="s">
        <v>34</v>
      </c>
      <c r="V12" s="72"/>
      <c r="X12" s="72"/>
      <c r="Y12" s="72"/>
      <c r="Z12" s="72"/>
      <c r="AA12" s="72"/>
      <c r="AB12" s="72"/>
      <c r="AC12" s="72"/>
      <c r="AD12" s="72" t="s">
        <v>36</v>
      </c>
      <c r="AE12" s="72"/>
      <c r="AF12" s="72"/>
      <c r="AG12" s="72"/>
      <c r="AH12" s="72"/>
      <c r="AI12" s="72"/>
      <c r="AJ12" s="72"/>
      <c r="AK12" s="72"/>
    </row>
    <row r="13" spans="2:47" x14ac:dyDescent="0.25">
      <c r="B13" s="73"/>
      <c r="C13" s="74" t="s">
        <v>165</v>
      </c>
      <c r="D13" s="74" t="s">
        <v>166</v>
      </c>
      <c r="E13" s="74" t="s">
        <v>167</v>
      </c>
      <c r="F13" s="74"/>
      <c r="G13" s="74" t="s">
        <v>168</v>
      </c>
      <c r="H13" s="75" t="s">
        <v>169</v>
      </c>
      <c r="I13" s="74"/>
      <c r="L13" s="73"/>
      <c r="M13" s="74" t="s">
        <v>165</v>
      </c>
      <c r="N13" s="74" t="s">
        <v>166</v>
      </c>
      <c r="O13" s="74"/>
      <c r="P13" s="74" t="s">
        <v>167</v>
      </c>
      <c r="Q13" s="74" t="s">
        <v>168</v>
      </c>
      <c r="R13" s="74"/>
      <c r="S13" s="75" t="s">
        <v>169</v>
      </c>
      <c r="U13" s="73"/>
      <c r="V13" s="74" t="s">
        <v>165</v>
      </c>
      <c r="W13" s="74" t="s">
        <v>166</v>
      </c>
      <c r="X13" s="74"/>
      <c r="Y13" s="74" t="s">
        <v>167</v>
      </c>
      <c r="Z13" s="74" t="s">
        <v>168</v>
      </c>
      <c r="AA13" s="74"/>
      <c r="AB13" s="75" t="s">
        <v>169</v>
      </c>
      <c r="AD13" s="73"/>
      <c r="AE13" s="74" t="s">
        <v>165</v>
      </c>
      <c r="AF13" s="74" t="s">
        <v>166</v>
      </c>
      <c r="AG13" s="74"/>
      <c r="AH13" s="74" t="s">
        <v>167</v>
      </c>
      <c r="AI13" s="74" t="s">
        <v>168</v>
      </c>
      <c r="AJ13" s="74"/>
      <c r="AK13" s="75" t="s">
        <v>169</v>
      </c>
    </row>
    <row r="14" spans="2:47" x14ac:dyDescent="0.25">
      <c r="B14" s="76" t="s">
        <v>170</v>
      </c>
      <c r="C14" s="77" t="s">
        <v>171</v>
      </c>
      <c r="D14" s="77" t="s">
        <v>172</v>
      </c>
      <c r="E14" s="77" t="s">
        <v>171</v>
      </c>
      <c r="F14" s="77"/>
      <c r="G14" s="77" t="s">
        <v>172</v>
      </c>
      <c r="H14" s="78" t="s">
        <v>172</v>
      </c>
      <c r="I14" s="77"/>
      <c r="L14" s="76" t="s">
        <v>170</v>
      </c>
      <c r="M14" s="77" t="s">
        <v>171</v>
      </c>
      <c r="N14" s="77" t="s">
        <v>172</v>
      </c>
      <c r="O14" s="77"/>
      <c r="P14" s="77" t="s">
        <v>171</v>
      </c>
      <c r="Q14" s="77" t="s">
        <v>172</v>
      </c>
      <c r="R14" s="77"/>
      <c r="S14" s="78" t="s">
        <v>172</v>
      </c>
      <c r="U14" s="76" t="s">
        <v>170</v>
      </c>
      <c r="V14" s="77" t="s">
        <v>171</v>
      </c>
      <c r="W14" s="77" t="s">
        <v>172</v>
      </c>
      <c r="X14" s="77"/>
      <c r="Y14" s="77" t="s">
        <v>171</v>
      </c>
      <c r="Z14" s="77" t="s">
        <v>172</v>
      </c>
      <c r="AA14" s="77"/>
      <c r="AB14" s="78" t="s">
        <v>172</v>
      </c>
      <c r="AD14" s="76" t="s">
        <v>170</v>
      </c>
      <c r="AE14" s="77" t="s">
        <v>171</v>
      </c>
      <c r="AF14" s="77" t="s">
        <v>172</v>
      </c>
      <c r="AG14" s="77"/>
      <c r="AH14" s="77" t="s">
        <v>171</v>
      </c>
      <c r="AI14" s="77" t="s">
        <v>172</v>
      </c>
      <c r="AJ14" s="77"/>
      <c r="AK14" s="78" t="s">
        <v>172</v>
      </c>
      <c r="AR14" s="79"/>
      <c r="AS14" s="80"/>
      <c r="AT14" s="80"/>
      <c r="AU14" s="80"/>
    </row>
    <row r="15" spans="2:47" x14ac:dyDescent="0.25">
      <c r="B15" s="81" t="s">
        <v>173</v>
      </c>
      <c r="C15" s="82">
        <v>0</v>
      </c>
      <c r="D15" s="82">
        <v>0</v>
      </c>
      <c r="E15" s="82">
        <v>373.57430555555555</v>
      </c>
      <c r="F15" s="83" t="str">
        <f>IF(H15="","",($C$5*(1-$M$5)*H15-D15)*C15*[4]Discount!$C3)</f>
        <v/>
      </c>
      <c r="G15" s="84">
        <v>20658.07175776517</v>
      </c>
      <c r="H15" s="85"/>
      <c r="I15" s="86" t="str">
        <f>IF(H15="","",(G15-H15)*E15*[4]Discount!$C3)</f>
        <v/>
      </c>
      <c r="L15" s="81" t="str" cm="1">
        <f t="array" ref="L15:L29">B15:B29</f>
        <v>Q3 2023</v>
      </c>
      <c r="M15" s="82">
        <v>2587.6055555555558</v>
      </c>
      <c r="N15" s="82">
        <v>13394.974985640076</v>
      </c>
      <c r="O15" s="83" t="str">
        <f>IF(S15="","",($C$6*(1-$M$5)*S15-N15)*M15*[4]Discount!$C3)</f>
        <v/>
      </c>
      <c r="P15" s="82">
        <v>3013.7138888888885</v>
      </c>
      <c r="Q15" s="82">
        <v>15898.838222301161</v>
      </c>
      <c r="R15" s="87" t="str">
        <f>IF(S15="","",(Q15-S15)*P15*[4]Discount!$C3)</f>
        <v/>
      </c>
      <c r="S15" s="85"/>
      <c r="U15" s="81" t="str" cm="1">
        <f t="array" ref="U15:U29">B15:B29</f>
        <v>Q3 2023</v>
      </c>
      <c r="V15" s="82">
        <v>2700</v>
      </c>
      <c r="W15" s="82">
        <v>11488.535030653875</v>
      </c>
      <c r="X15" s="83" t="str">
        <f>IF(AB15="","",($C$7*(1-$M$5)*AB15-W15)*V15*[4]Discount!$C3)</f>
        <v/>
      </c>
      <c r="Y15" s="82">
        <v>3414.5690277777776</v>
      </c>
      <c r="Z15" s="84">
        <v>14546.450566996002</v>
      </c>
      <c r="AA15" s="87" t="str">
        <f>IF(AB15="","",(Z15-AB15)*Y15*[4]Discount!$C3)</f>
        <v/>
      </c>
      <c r="AB15" s="85"/>
      <c r="AD15" s="81" t="str" cm="1">
        <f t="array" ref="AD15:AD29">+_xlfn.ANCHORARRAY(U15)</f>
        <v>Q3 2023</v>
      </c>
      <c r="AE15" s="82">
        <v>1218.4666666666667</v>
      </c>
      <c r="AF15" s="82">
        <v>10917.390987119399</v>
      </c>
      <c r="AG15" s="83" t="str">
        <f>IF(AK15="","",($C$7*(1-$M$5)*AK15-AF15)*AE15*[4]Discount!$C3)</f>
        <v/>
      </c>
      <c r="AH15" s="82">
        <v>1038.4666666666667</v>
      </c>
      <c r="AI15" s="84">
        <v>11817.737532738969</v>
      </c>
      <c r="AJ15" s="87" t="str">
        <f>IF(AK15="","",(AI15-AK15)*AH15*[4]Discount!$C3)</f>
        <v/>
      </c>
      <c r="AK15" s="85"/>
      <c r="AR15" s="80"/>
      <c r="AS15" s="63"/>
      <c r="AT15" s="63"/>
      <c r="AU15" s="63"/>
    </row>
    <row r="16" spans="2:47" x14ac:dyDescent="0.25">
      <c r="B16" s="81" t="s">
        <v>174</v>
      </c>
      <c r="C16" s="82">
        <v>0</v>
      </c>
      <c r="D16" s="82">
        <v>0</v>
      </c>
      <c r="E16" s="82">
        <v>360</v>
      </c>
      <c r="F16" s="83" t="str">
        <f>IF(H16="","",($C$5*(1-$M$5)*H16-D16)*C16*[4]Discount!$C4)</f>
        <v/>
      </c>
      <c r="G16" s="84">
        <v>20591.666666666668</v>
      </c>
      <c r="H16" s="85"/>
      <c r="I16" s="86" t="str">
        <f>IF(H16="","",(G16-H16)*E16*[4]Discount!$C4)</f>
        <v/>
      </c>
      <c r="L16" s="81" t="str">
        <v>Q4 2023</v>
      </c>
      <c r="M16" s="82">
        <v>2336.3583333333336</v>
      </c>
      <c r="N16" s="82">
        <v>12981.110389210991</v>
      </c>
      <c r="O16" s="83" t="str">
        <f>IF(S16="","",($C$6*(1-$M$5)*S16-N16)*M16*[4]Discount!$C4)</f>
        <v/>
      </c>
      <c r="P16" s="82">
        <v>2822.25</v>
      </c>
      <c r="Q16" s="82">
        <v>15837.586407161209</v>
      </c>
      <c r="R16" s="87" t="str">
        <f>IF(S16="","",(Q16-S16)*P16*[4]Discount!$C4)</f>
        <v/>
      </c>
      <c r="S16" s="85"/>
      <c r="U16" s="81" t="str">
        <v>Q4 2023</v>
      </c>
      <c r="V16" s="82">
        <v>2825.5708333333332</v>
      </c>
      <c r="W16" s="82">
        <v>11781.124985895814</v>
      </c>
      <c r="X16" s="83" t="str">
        <f>IF(AB16="","",($C$7*(1-$M$5)*AB16-W16)*V16*[4]Discount!$C4)</f>
        <v/>
      </c>
      <c r="Y16" s="82">
        <v>3249.6766666666663</v>
      </c>
      <c r="Z16" s="84">
        <v>14532.791847016153</v>
      </c>
      <c r="AA16" s="87" t="str">
        <f>IF(AB16="","",(Z16-AB16)*Y16*[4]Discount!$C4)</f>
        <v/>
      </c>
      <c r="AB16" s="85"/>
      <c r="AD16" s="81" t="str">
        <v>Q4 2023</v>
      </c>
      <c r="AE16" s="82">
        <v>1130.9000000000001</v>
      </c>
      <c r="AF16" s="82">
        <v>10536.575016930597</v>
      </c>
      <c r="AG16" s="83" t="str">
        <f>IF(AK16="","",($C$7*(1-$M$5)*AK16-AF16)*AE16*[4]Discount!$C4)</f>
        <v/>
      </c>
      <c r="AH16" s="82">
        <v>946.90000000000009</v>
      </c>
      <c r="AI16" s="84">
        <v>11604.000463974215</v>
      </c>
      <c r="AJ16" s="87" t="str">
        <f>IF(AK16="","",(AI16-AK16)*AH16*[4]Discount!$C4)</f>
        <v/>
      </c>
      <c r="AK16" s="85"/>
      <c r="AR16" s="80"/>
      <c r="AS16" s="63"/>
      <c r="AT16" s="63"/>
      <c r="AU16" s="63"/>
    </row>
    <row r="17" spans="2:47" x14ac:dyDescent="0.25">
      <c r="B17" s="81" t="s">
        <v>175</v>
      </c>
      <c r="C17" s="82">
        <v>90</v>
      </c>
      <c r="D17" s="82">
        <v>16304.166666666666</v>
      </c>
      <c r="E17" s="82">
        <v>0</v>
      </c>
      <c r="F17" s="83" t="str">
        <f>IF(H17="","",($C$5*(1-$M$5)*H17-D17)*C17*[4]Discount!$C5)</f>
        <v/>
      </c>
      <c r="G17" s="84">
        <v>0</v>
      </c>
      <c r="H17" s="85"/>
      <c r="I17" s="86" t="str">
        <f>IF(H17="","",(G17-H17)*E17*[4]Discount!$C5)</f>
        <v/>
      </c>
      <c r="L17" s="81" t="str">
        <v>Q1 2024</v>
      </c>
      <c r="M17" s="82">
        <v>1722.1541666666667</v>
      </c>
      <c r="N17" s="82">
        <v>13151.190759466837</v>
      </c>
      <c r="O17" s="83" t="str">
        <f>IF(S17="","",($C$6*(1-$M$5)*S17-N17)*M17*[4]Discount!$C5)</f>
        <v/>
      </c>
      <c r="P17" s="82">
        <v>1927.9860111111111</v>
      </c>
      <c r="Q17" s="82">
        <v>14968.82758973656</v>
      </c>
      <c r="R17" s="87" t="str">
        <f>IF(S17="","",(Q17-S17)*P17*[4]Discount!$C5)</f>
        <v/>
      </c>
      <c r="S17" s="85"/>
      <c r="U17" s="81" t="str">
        <v>Q1 2024</v>
      </c>
      <c r="V17" s="82">
        <v>1528.6090277777778</v>
      </c>
      <c r="W17" s="82">
        <v>10890.44345227202</v>
      </c>
      <c r="X17" s="83" t="str">
        <f>IF(AB17="","",($C$7*(1-$M$5)*AB17-W17)*V17*[4]Discount!$C5)</f>
        <v/>
      </c>
      <c r="Y17" s="82">
        <v>2095.3072222222218</v>
      </c>
      <c r="Z17" s="84">
        <v>13279.390588412771</v>
      </c>
      <c r="AA17" s="87" t="str">
        <f>IF(AB17="","",(Z17-AB17)*Y17*[4]Discount!$C5)</f>
        <v/>
      </c>
      <c r="AB17" s="85"/>
      <c r="AD17" s="81" t="str">
        <v>Q1 2024</v>
      </c>
      <c r="AE17" s="82">
        <v>1211.9000000000001</v>
      </c>
      <c r="AF17" s="82">
        <v>10531.614420841064</v>
      </c>
      <c r="AG17" s="83" t="str">
        <f>IF(AK17="","",($C$7*(1-$M$5)*AK17-AF17)*AE17*[4]Discount!$C5)</f>
        <v/>
      </c>
      <c r="AH17" s="82">
        <v>779.56319444444443</v>
      </c>
      <c r="AI17" s="84">
        <v>11246.668379082117</v>
      </c>
      <c r="AJ17" s="87" t="str">
        <f>IF(AK17="","",(AI17-AK17)*AH17*[4]Discount!$C5)</f>
        <v/>
      </c>
      <c r="AK17" s="85"/>
      <c r="AR17" s="80"/>
      <c r="AS17" s="63"/>
      <c r="AT17" s="63"/>
      <c r="AU17" s="63"/>
    </row>
    <row r="18" spans="2:47" x14ac:dyDescent="0.25">
      <c r="B18" s="81" t="s">
        <v>176</v>
      </c>
      <c r="C18" s="82">
        <v>90</v>
      </c>
      <c r="D18" s="82">
        <v>16304.166666666666</v>
      </c>
      <c r="E18" s="82">
        <v>0</v>
      </c>
      <c r="F18" s="83" t="str">
        <f>IF(H18="","",($C$5*(1-$M$5)*H18-D18)*C18*[4]Discount!$C6)</f>
        <v/>
      </c>
      <c r="G18" s="84">
        <v>0</v>
      </c>
      <c r="H18" s="85"/>
      <c r="I18" s="86" t="str">
        <f>IF(H18="","",(G18-H18)*E18*[4]Discount!$C6)</f>
        <v/>
      </c>
      <c r="L18" s="81" t="str">
        <v>Q2 2024</v>
      </c>
      <c r="M18" s="82">
        <v>1659.2336805555556</v>
      </c>
      <c r="N18" s="82">
        <v>13102.406620951402</v>
      </c>
      <c r="O18" s="83" t="str">
        <f>IF(S18="","",($C$6*(1-$M$5)*S18-N18)*M18*[4]Discount!$C6)</f>
        <v/>
      </c>
      <c r="P18" s="82">
        <v>1697.0016361111111</v>
      </c>
      <c r="Q18" s="82">
        <v>14528.38443767804</v>
      </c>
      <c r="R18" s="87" t="str">
        <f>IF(S18="","",(Q18-S18)*P18*[4]Discount!$C6)</f>
        <v/>
      </c>
      <c r="S18" s="85"/>
      <c r="U18" s="81" t="str">
        <v>Q2 2024</v>
      </c>
      <c r="V18" s="82">
        <v>1256.0708333333332</v>
      </c>
      <c r="W18" s="82">
        <v>10673.835640267647</v>
      </c>
      <c r="X18" s="83" t="str">
        <f>IF(AB18="","",($C$7*(1-$M$5)*AB18-W18)*V18*[4]Discount!$C6)</f>
        <v/>
      </c>
      <c r="Y18" s="82">
        <v>1966.3079166666664</v>
      </c>
      <c r="Z18" s="84">
        <v>12996.167054718813</v>
      </c>
      <c r="AA18" s="87" t="str">
        <f>IF(AB18="","",(Z18-AB18)*Y18*[4]Discount!$C6)</f>
        <v/>
      </c>
      <c r="AB18" s="85"/>
      <c r="AD18" s="81" t="str">
        <v>Q2 2024</v>
      </c>
      <c r="AE18" s="82">
        <v>1154.4347222222223</v>
      </c>
      <c r="AF18" s="82">
        <v>10494.093755075965</v>
      </c>
      <c r="AG18" s="83" t="str">
        <f>IF(AK18="","",($C$7*(1-$M$5)*AK18-AF18)*AE18*[4]Discount!$C6)</f>
        <v/>
      </c>
      <c r="AH18" s="82">
        <v>574.90000000000009</v>
      </c>
      <c r="AI18" s="84">
        <v>10294.315330005045</v>
      </c>
      <c r="AJ18" s="87" t="str">
        <f>IF(AK18="","",(AI18-AK18)*AH18*[4]Discount!$C6)</f>
        <v/>
      </c>
      <c r="AK18" s="85"/>
      <c r="AR18" s="80"/>
      <c r="AS18" s="63"/>
      <c r="AT18" s="63"/>
      <c r="AU18" s="63"/>
    </row>
    <row r="19" spans="2:47" x14ac:dyDescent="0.25">
      <c r="B19" s="81" t="s">
        <v>177</v>
      </c>
      <c r="C19" s="82">
        <v>90</v>
      </c>
      <c r="D19" s="82">
        <v>16304.166666666666</v>
      </c>
      <c r="E19" s="82">
        <v>0</v>
      </c>
      <c r="F19" s="83" t="str">
        <f>IF(H19="","",($C$5*(1-$M$5)*H19-D19)*C19*[4]Discount!$C7)</f>
        <v/>
      </c>
      <c r="G19" s="84">
        <v>0</v>
      </c>
      <c r="H19" s="85"/>
      <c r="I19" s="86" t="str">
        <f>IF(H19="","",(G19-H19)*E19*[4]Discount!$C7)</f>
        <v/>
      </c>
      <c r="L19" s="81" t="str">
        <v>Q3 2024</v>
      </c>
      <c r="M19" s="82">
        <v>1510.28125</v>
      </c>
      <c r="N19" s="82">
        <v>12908.416735117276</v>
      </c>
      <c r="O19" s="83" t="str">
        <f>IF(S19="","",($C$6*(1-$M$5)*S19-N19)*M19*[4]Discount!$C7)</f>
        <v/>
      </c>
      <c r="P19" s="82">
        <v>1612.5422611111112</v>
      </c>
      <c r="Q19" s="82">
        <v>14242.632640508567</v>
      </c>
      <c r="R19" s="87" t="str">
        <f>IF(S19="","",(Q19-S19)*P19*[4]Discount!$C7)</f>
        <v/>
      </c>
      <c r="S19" s="85"/>
      <c r="U19" s="81" t="str">
        <v>Q3 2024</v>
      </c>
      <c r="V19" s="82">
        <v>1177</v>
      </c>
      <c r="W19" s="82">
        <v>10691.658754355321</v>
      </c>
      <c r="X19" s="83" t="str">
        <f>IF(AB19="","",($C$7*(1-$M$5)*AB19-W19)*V19*[4]Discount!$C7)</f>
        <v/>
      </c>
      <c r="Y19" s="82">
        <v>1818.6558333333332</v>
      </c>
      <c r="Z19" s="84">
        <v>12634.212958899268</v>
      </c>
      <c r="AA19" s="87" t="str">
        <f>IF(AB19="","",(Z19-AB19)*Y19*[4]Discount!$C7)</f>
        <v/>
      </c>
      <c r="AB19" s="85"/>
      <c r="AD19" s="81" t="str">
        <v>Q3 2024</v>
      </c>
      <c r="AE19" s="82">
        <v>1130.9000000000001</v>
      </c>
      <c r="AF19" s="82">
        <v>10565.316157223917</v>
      </c>
      <c r="AG19" s="83" t="str">
        <f>IF(AK19="","",($C$7*(1-$M$5)*AK19-AF19)*AE19*[4]Discount!$C7)</f>
        <v/>
      </c>
      <c r="AH19" s="82">
        <v>578.90000000000009</v>
      </c>
      <c r="AI19" s="84">
        <v>10297.607407307738</v>
      </c>
      <c r="AJ19" s="87" t="str">
        <f>IF(AK19="","",(AI19-AK19)*AH19*[4]Discount!$C7)</f>
        <v/>
      </c>
      <c r="AK19" s="85"/>
      <c r="AR19" s="80"/>
      <c r="AS19" s="63"/>
      <c r="AT19" s="63"/>
      <c r="AU19" s="63"/>
    </row>
    <row r="20" spans="2:47" x14ac:dyDescent="0.25">
      <c r="B20" s="81" t="s">
        <v>178</v>
      </c>
      <c r="C20" s="82">
        <v>90</v>
      </c>
      <c r="D20" s="82">
        <v>16304.166666666666</v>
      </c>
      <c r="E20" s="82">
        <v>0</v>
      </c>
      <c r="F20" s="83" t="str">
        <f>IF(H20="","",($C$5*(1-$M$5)*H20-D20)*C20*[4]Discount!$C8)</f>
        <v/>
      </c>
      <c r="G20" s="84">
        <v>0</v>
      </c>
      <c r="H20" s="85"/>
      <c r="I20" s="86" t="str">
        <f>IF(H20="","",(G20-H20)*E20*[4]Discount!$C8)</f>
        <v/>
      </c>
      <c r="L20" s="81" t="str">
        <v>Q4 2024</v>
      </c>
      <c r="M20" s="82">
        <v>1456</v>
      </c>
      <c r="N20" s="82">
        <v>12816.436611683848</v>
      </c>
      <c r="O20" s="83" t="str">
        <f>IF(S20="","",($C$6*(1-$M$5)*S20-N20)*M20*[4]Discount!$C8)</f>
        <v/>
      </c>
      <c r="P20" s="82">
        <v>1417.6943444444446</v>
      </c>
      <c r="Q20" s="82">
        <v>13839.070476745506</v>
      </c>
      <c r="R20" s="87" t="str">
        <f>IF(S20="","",(Q20-S20)*P20*[4]Discount!$C8)</f>
        <v/>
      </c>
      <c r="S20" s="85"/>
      <c r="U20" s="81" t="str">
        <v>Q4 2024</v>
      </c>
      <c r="V20" s="82">
        <v>1147.2</v>
      </c>
      <c r="W20" s="82">
        <v>10772.943278510413</v>
      </c>
      <c r="X20" s="83" t="str">
        <f>IF(AB20="","",($C$7*(1-$M$5)*AB20-W20)*V20*[4]Discount!$C8)</f>
        <v/>
      </c>
      <c r="Y20" s="82">
        <v>1689.2099999999998</v>
      </c>
      <c r="Z20" s="84">
        <v>12342.287670694401</v>
      </c>
      <c r="AA20" s="87" t="str">
        <f>IF(AB20="","",(Z20-AB20)*Y20*[4]Discount!$C8)</f>
        <v/>
      </c>
      <c r="AB20" s="85"/>
      <c r="AD20" s="81" t="str">
        <v>Q4 2024</v>
      </c>
      <c r="AE20" s="82">
        <v>1130.9000000000001</v>
      </c>
      <c r="AF20" s="82">
        <v>10579.896244490388</v>
      </c>
      <c r="AG20" s="83" t="str">
        <f>IF(AK20="","",($C$7*(1-$M$5)*AK20-AF20)*AE20*[4]Discount!$C8)</f>
        <v/>
      </c>
      <c r="AH20" s="82">
        <v>578.90000000000009</v>
      </c>
      <c r="AI20" s="84">
        <v>10297.607407307738</v>
      </c>
      <c r="AJ20" s="87" t="str">
        <f>IF(AK20="","",(AI20-AK20)*AH20*[4]Discount!$C8)</f>
        <v/>
      </c>
      <c r="AK20" s="85"/>
      <c r="AR20" s="80"/>
      <c r="AS20" s="63"/>
      <c r="AT20" s="63"/>
      <c r="AU20" s="63"/>
    </row>
    <row r="21" spans="2:47" x14ac:dyDescent="0.25">
      <c r="B21" s="81" t="s">
        <v>137</v>
      </c>
      <c r="C21" s="82">
        <v>360</v>
      </c>
      <c r="D21" s="82">
        <v>16304.166666666666</v>
      </c>
      <c r="E21" s="82">
        <v>0</v>
      </c>
      <c r="F21" s="83" t="str">
        <f>IF(H21="","",($C$5*(1-$M$5)*H21-D21)*C21*[4]Discount!$C9)</f>
        <v/>
      </c>
      <c r="G21" s="84">
        <v>0</v>
      </c>
      <c r="H21" s="85"/>
      <c r="I21" s="86" t="str">
        <f>IF(H21="","",(G21-H21)*E21*[4]Discount!$C9)</f>
        <v/>
      </c>
      <c r="L21" s="81" t="str">
        <v>2025</v>
      </c>
      <c r="M21" s="82">
        <v>3592.333333333333</v>
      </c>
      <c r="N21" s="82">
        <v>11574.267525367981</v>
      </c>
      <c r="O21" s="83" t="str">
        <f>IF(S21="","",($C$6*(1-$M$5)*S21-N21)*M21*[4]Discount!$C9)</f>
        <v/>
      </c>
      <c r="P21" s="82">
        <v>1440.9995999999999</v>
      </c>
      <c r="Q21" s="82">
        <v>14372.145252503882</v>
      </c>
      <c r="R21" s="87" t="str">
        <f>IF(S21="","",(Q21-S21)*P21*[4]Discount!$C9)</f>
        <v/>
      </c>
      <c r="S21" s="85"/>
      <c r="U21" s="81" t="str">
        <v>2025</v>
      </c>
      <c r="V21" s="82">
        <v>2155.416666666667</v>
      </c>
      <c r="W21" s="82">
        <v>10889.217342557269</v>
      </c>
      <c r="X21" s="83" t="str">
        <f>IF(AB21="","",($C$7*(1-$M$5)*AB21-W21)*V21*[4]Discount!$C9)</f>
        <v/>
      </c>
      <c r="Y21" s="82">
        <v>2804.9337495999989</v>
      </c>
      <c r="Z21" s="84">
        <v>11926.184334711212</v>
      </c>
      <c r="AA21" s="87" t="str">
        <f>IF(AB21="","",(Z21-AB21)*Y21*[4]Discount!$C9)</f>
        <v/>
      </c>
      <c r="AB21" s="85"/>
      <c r="AD21" s="81" t="str">
        <v>2025</v>
      </c>
      <c r="AE21" s="82">
        <v>4051.0402777777786</v>
      </c>
      <c r="AF21" s="82">
        <v>10278.446815192669</v>
      </c>
      <c r="AG21" s="83" t="str">
        <f>IF(AK21="","",($C$7*(1-$M$5)*AK21-AF21)*AE21*[4]Discount!$C9)</f>
        <v/>
      </c>
      <c r="AH21" s="82">
        <v>1931.9048611111107</v>
      </c>
      <c r="AI21" s="84">
        <v>9972.9494900355676</v>
      </c>
      <c r="AJ21" s="87" t="str">
        <f>IF(AK21="","",(AI21-AK21)*AH21*[4]Discount!$C9)</f>
        <v/>
      </c>
      <c r="AK21" s="85"/>
      <c r="AR21" s="80"/>
      <c r="AS21" s="63"/>
      <c r="AT21" s="63"/>
      <c r="AU21" s="63"/>
    </row>
    <row r="22" spans="2:47" x14ac:dyDescent="0.25">
      <c r="B22" s="81">
        <f>+B21+1</f>
        <v>2026</v>
      </c>
      <c r="C22" s="82">
        <v>360</v>
      </c>
      <c r="D22" s="82">
        <v>16304.166666666666</v>
      </c>
      <c r="E22" s="82">
        <v>0</v>
      </c>
      <c r="F22" s="83" t="str">
        <f>IF(H22="","",($C$5*(1-$M$5)*H22-D22)*C22*[4]Discount!$C10)</f>
        <v/>
      </c>
      <c r="G22" s="84">
        <v>0</v>
      </c>
      <c r="H22" s="85"/>
      <c r="I22" s="86" t="str">
        <f>IF(H22="","",(G22-H22)*E22*[4]Discount!$C10)</f>
        <v/>
      </c>
      <c r="L22" s="81">
        <v>2026</v>
      </c>
      <c r="M22" s="82">
        <v>2637.1541666666667</v>
      </c>
      <c r="N22" s="82">
        <v>12209.529313727819</v>
      </c>
      <c r="O22" s="83" t="str">
        <f>IF(S22="","",($C$6*(1-$M$5)*S22-N22)*M22*[4]Discount!$C10)</f>
        <v/>
      </c>
      <c r="P22" s="82">
        <v>1273</v>
      </c>
      <c r="Q22" s="82">
        <v>12838.042340926941</v>
      </c>
      <c r="R22" s="87" t="str">
        <f>IF(S22="","",(Q22-S22)*P22*[4]Discount!$C10)</f>
        <v/>
      </c>
      <c r="S22" s="85"/>
      <c r="U22" s="81">
        <v>2026</v>
      </c>
      <c r="V22" s="82">
        <v>1426.4166666666665</v>
      </c>
      <c r="W22" s="82">
        <v>11190.7480284052</v>
      </c>
      <c r="X22" s="83" t="str">
        <f>IF(AB22="","",($C$7*(1-$M$5)*AB22-W22)*V22*[4]Discount!$C10)</f>
        <v/>
      </c>
      <c r="Y22" s="82">
        <v>1839.7999596000006</v>
      </c>
      <c r="Z22" s="82">
        <v>11234.107870363492</v>
      </c>
      <c r="AA22" s="87" t="str">
        <f>IF(AB22="","",(Z22-AB22)*Y22*[4]Discount!$C10)</f>
        <v/>
      </c>
      <c r="AB22" s="85"/>
      <c r="AD22" s="81">
        <v>2026</v>
      </c>
      <c r="AE22" s="82">
        <v>2874.3708333333334</v>
      </c>
      <c r="AF22" s="82">
        <v>10513.905622209626</v>
      </c>
      <c r="AG22" s="83" t="str">
        <f>IF(AK22="","",($C$7*(1-$M$5)*AK22-AF22)*AE22*[4]Discount!$C10)</f>
        <v/>
      </c>
      <c r="AH22" s="82">
        <v>155.29166666666669</v>
      </c>
      <c r="AI22" s="82">
        <v>11843.040535177861</v>
      </c>
      <c r="AJ22" s="87" t="str">
        <f>IF(AK22="","",(AI22-AK22)*AH22*[4]Discount!$C10)</f>
        <v/>
      </c>
      <c r="AK22" s="85"/>
      <c r="AR22" s="80"/>
      <c r="AS22" s="63"/>
      <c r="AT22" s="63"/>
      <c r="AU22" s="63"/>
    </row>
    <row r="23" spans="2:47" x14ac:dyDescent="0.25">
      <c r="B23" s="81">
        <f t="shared" ref="B23:B29" si="0">+B22+1</f>
        <v>2027</v>
      </c>
      <c r="C23" s="82">
        <v>0</v>
      </c>
      <c r="D23" s="82">
        <v>0</v>
      </c>
      <c r="E23" s="82">
        <v>0</v>
      </c>
      <c r="F23" s="83" t="str">
        <f>IF(H23="","",($C$5*(1-$M$5)*H23-D23)*C23*[4]Discount!$C11)</f>
        <v/>
      </c>
      <c r="G23" s="84">
        <v>0</v>
      </c>
      <c r="H23" s="85"/>
      <c r="I23" s="86" t="str">
        <f>IF(H23="","",(G23-H23)*E23*[4]Discount!$C11)</f>
        <v/>
      </c>
      <c r="L23" s="81">
        <v>2027</v>
      </c>
      <c r="M23" s="82">
        <v>1615.2013888888889</v>
      </c>
      <c r="N23" s="82">
        <v>13401.46638517985</v>
      </c>
      <c r="O23" s="83" t="str">
        <f>IF(S23="","",($C$6*(1-$M$5)*S23-N23)*M23*[4]Discount!$C11)</f>
        <v/>
      </c>
      <c r="P23" s="82">
        <v>624.04</v>
      </c>
      <c r="Q23" s="82">
        <v>13523.762547272614</v>
      </c>
      <c r="R23" s="87" t="str">
        <f>IF(S23="","",(Q23-S23)*P23*[4]Discount!$C11)</f>
        <v/>
      </c>
      <c r="S23" s="85"/>
      <c r="U23" s="81">
        <v>2027</v>
      </c>
      <c r="V23" s="82">
        <v>790</v>
      </c>
      <c r="W23" s="82">
        <v>12667.838094761595</v>
      </c>
      <c r="X23" s="83" t="str">
        <f>IF(AB23="","",($C$7*(1-$M$5)*AB23-W23)*V23*[4]Discount!$C11)</f>
        <v/>
      </c>
      <c r="Y23" s="82">
        <v>957.00000000000034</v>
      </c>
      <c r="Z23" s="82">
        <v>11787.844514106579</v>
      </c>
      <c r="AA23" s="87" t="str">
        <f>IF(AB23="","",(Z23-AB23)*Y23*[4]Discount!$C11)</f>
        <v/>
      </c>
      <c r="AB23" s="85"/>
      <c r="AD23" s="81">
        <v>2027</v>
      </c>
      <c r="AE23" s="82">
        <v>1883.2069444444444</v>
      </c>
      <c r="AF23" s="82">
        <v>11013.026666437045</v>
      </c>
      <c r="AG23" s="83" t="str">
        <f>IF(AK23="","",($C$7*(1-$M$5)*AK23-AF23)*AE23*[4]Discount!$C11)</f>
        <v/>
      </c>
      <c r="AH23" s="82">
        <v>0</v>
      </c>
      <c r="AI23" s="82">
        <v>0</v>
      </c>
      <c r="AJ23" s="87" t="str">
        <f>IF(AK23="","",(AI23-AK23)*AH23*[4]Discount!$C11)</f>
        <v/>
      </c>
      <c r="AK23" s="85"/>
      <c r="AR23" s="80"/>
      <c r="AS23" s="63"/>
      <c r="AT23" s="63"/>
      <c r="AU23" s="63"/>
    </row>
    <row r="24" spans="2:47" x14ac:dyDescent="0.25">
      <c r="B24" s="81">
        <f t="shared" si="0"/>
        <v>2028</v>
      </c>
      <c r="C24" s="82">
        <v>0</v>
      </c>
      <c r="D24" s="82">
        <v>0</v>
      </c>
      <c r="E24" s="82">
        <v>0</v>
      </c>
      <c r="F24" s="83" t="str">
        <f>IF(H24="","",($C$5*(1-$M$5)*H24-D24)*C24*[4]Discount!$C12)</f>
        <v/>
      </c>
      <c r="G24" s="84">
        <v>0</v>
      </c>
      <c r="H24" s="85"/>
      <c r="I24" s="86" t="str">
        <f>IF(H24="","",(G24-H24)*E24*[4]Discount!$C12)</f>
        <v/>
      </c>
      <c r="L24" s="81">
        <v>2028</v>
      </c>
      <c r="M24" s="82">
        <v>1464</v>
      </c>
      <c r="N24" s="82">
        <v>13591.30434782609</v>
      </c>
      <c r="O24" s="83" t="str">
        <f>IF(S24="","",($C$6*(1-$M$5)*S24-N24)*M24*[4]Discount!$C12)</f>
        <v/>
      </c>
      <c r="P24" s="82">
        <v>408</v>
      </c>
      <c r="Q24" s="82">
        <v>11924.72279411765</v>
      </c>
      <c r="R24" s="87" t="str">
        <f>IF(S24="","",(Q24-S24)*P24*[4]Discount!$C12)</f>
        <v/>
      </c>
      <c r="S24" s="85"/>
      <c r="U24" s="81">
        <v>2028</v>
      </c>
      <c r="V24" s="82">
        <v>762</v>
      </c>
      <c r="W24" s="82">
        <v>12711.692757772866</v>
      </c>
      <c r="X24" s="83" t="str">
        <f>IF(AB24="","",($C$7*(1-$M$5)*AB24-W24)*V24*[4]Discount!$C12)</f>
        <v/>
      </c>
      <c r="Y24" s="82">
        <v>824.4000000000002</v>
      </c>
      <c r="Z24" s="82">
        <v>11825.694323144102</v>
      </c>
      <c r="AA24" s="87" t="str">
        <f>IF(AB24="","",(Z24-AB24)*Y24*[4]Discount!$C12)</f>
        <v/>
      </c>
      <c r="AB24" s="85"/>
      <c r="AD24" s="81">
        <v>2028</v>
      </c>
      <c r="AE24" s="82">
        <v>1555.125</v>
      </c>
      <c r="AF24" s="82">
        <v>11050.562193375741</v>
      </c>
      <c r="AG24" s="83" t="str">
        <f>IF(AK24="","",($C$7*(1-$M$5)*AK24-AF24)*AE24*[4]Discount!$C12)</f>
        <v/>
      </c>
      <c r="AH24" s="82">
        <v>0</v>
      </c>
      <c r="AI24" s="82">
        <v>0</v>
      </c>
      <c r="AJ24" s="87" t="str">
        <f>IF(AK24="","",(AI24-AK24)*AH24*[4]Discount!$C12)</f>
        <v/>
      </c>
      <c r="AK24" s="85"/>
      <c r="AR24" s="80"/>
      <c r="AS24" s="63"/>
      <c r="AT24" s="63"/>
      <c r="AU24" s="63"/>
    </row>
    <row r="25" spans="2:47" x14ac:dyDescent="0.25">
      <c r="B25" s="81">
        <f t="shared" si="0"/>
        <v>2029</v>
      </c>
      <c r="C25" s="82">
        <v>0</v>
      </c>
      <c r="D25" s="82">
        <v>0</v>
      </c>
      <c r="E25" s="82">
        <v>0</v>
      </c>
      <c r="F25" s="83"/>
      <c r="G25" s="84">
        <v>0</v>
      </c>
      <c r="H25" s="85"/>
      <c r="I25" s="86" t="str">
        <f>IF(H25="","",(G25-H25)*E25*[4]Discount!$C13)</f>
        <v/>
      </c>
      <c r="L25" s="81">
        <v>2029</v>
      </c>
      <c r="M25" s="82">
        <v>1186.0006944444444</v>
      </c>
      <c r="N25" s="82">
        <v>13516.973617058286</v>
      </c>
      <c r="O25" s="83" t="str">
        <f>IF(S25="","",($C$6*(1-$M$5)*S25-N25)*M25*[4]Discount!$C13)</f>
        <v/>
      </c>
      <c r="P25" s="82">
        <v>97.5</v>
      </c>
      <c r="Q25" s="82">
        <v>11688.310000000001</v>
      </c>
      <c r="R25" s="87" t="str">
        <f>IF(S25="","",(Q25-S25)*P25*[4]Discount!$C13)</f>
        <v/>
      </c>
      <c r="S25" s="85"/>
      <c r="U25" s="81">
        <v>2029</v>
      </c>
      <c r="V25" s="82">
        <v>730</v>
      </c>
      <c r="W25" s="82">
        <v>12758.893280632412</v>
      </c>
      <c r="X25" s="83" t="str">
        <f>IF(AB25="","",($C$7*(1-$M$5)*AB25-W25)*V25*[4]Discount!$C13)</f>
        <v/>
      </c>
      <c r="Y25" s="82">
        <v>704.40000000000009</v>
      </c>
      <c r="Z25" s="82">
        <v>11796</v>
      </c>
      <c r="AA25" s="87" t="str">
        <f>IF(AB25="","",(Z25-AB25)*Y25*[4]Discount!$C13)</f>
        <v/>
      </c>
      <c r="AB25" s="85"/>
      <c r="AD25" s="81">
        <v>2029</v>
      </c>
      <c r="AE25" s="82">
        <v>576</v>
      </c>
      <c r="AF25" s="82">
        <v>10576.680801376593</v>
      </c>
      <c r="AG25" s="83" t="str">
        <f>IF(AK25="","",($C$7*(1-$M$5)*AK25-AF25)*AE25*[4]Discount!$C13)</f>
        <v/>
      </c>
      <c r="AH25" s="82">
        <v>0</v>
      </c>
      <c r="AI25" s="82">
        <v>0</v>
      </c>
      <c r="AJ25" s="87" t="str">
        <f>IF(AK25="","",(AI25-AK25)*AH25*[4]Discount!$C13)</f>
        <v/>
      </c>
      <c r="AK25" s="85"/>
      <c r="AR25" s="80"/>
      <c r="AS25" s="63"/>
      <c r="AT25" s="63"/>
      <c r="AU25" s="63"/>
    </row>
    <row r="26" spans="2:47" x14ac:dyDescent="0.25">
      <c r="B26" s="81">
        <f t="shared" si="0"/>
        <v>2030</v>
      </c>
      <c r="C26" s="82">
        <v>0</v>
      </c>
      <c r="D26" s="82">
        <v>0</v>
      </c>
      <c r="E26" s="82">
        <v>0</v>
      </c>
      <c r="F26" s="83"/>
      <c r="G26" s="84">
        <v>0</v>
      </c>
      <c r="H26" s="85"/>
      <c r="I26" s="86" t="str">
        <f>IF(H26="","",(G26-H26)*E26*[4]Discount!$C14)</f>
        <v/>
      </c>
      <c r="L26" s="81">
        <v>2030</v>
      </c>
      <c r="M26" s="82">
        <v>943</v>
      </c>
      <c r="N26" s="82">
        <v>13414.910784268526</v>
      </c>
      <c r="O26" s="83" t="str">
        <f>IF(S26="","",($C$6*(1-$M$5)*S26-N26)*M26*[4]Discount!$C14)</f>
        <v/>
      </c>
      <c r="P26" s="82">
        <v>0</v>
      </c>
      <c r="Q26" s="82">
        <v>0</v>
      </c>
      <c r="R26" s="87" t="str">
        <f>IF(S26="","",(Q26-S26)*P26*[4]Discount!$C14)</f>
        <v/>
      </c>
      <c r="S26" s="85"/>
      <c r="U26" s="81">
        <v>2030</v>
      </c>
      <c r="V26" s="82">
        <v>380</v>
      </c>
      <c r="W26" s="82">
        <v>12656.12648221344</v>
      </c>
      <c r="X26" s="83" t="str">
        <f>IF(AB26="","",($C$7*(1-$M$5)*AB26-W26)*V26*[4]Discount!$C14)</f>
        <v/>
      </c>
      <c r="Y26" s="82">
        <v>528</v>
      </c>
      <c r="Z26" s="82">
        <v>12237</v>
      </c>
      <c r="AA26" s="87" t="str">
        <f>IF(AB26="","",(Z26-AB26)*Y26*[4]Discount!$C14)</f>
        <v/>
      </c>
      <c r="AB26" s="85"/>
      <c r="AD26" s="81">
        <v>2030</v>
      </c>
      <c r="AE26" s="82">
        <v>106</v>
      </c>
      <c r="AF26" s="82">
        <v>10265.486725663717</v>
      </c>
      <c r="AG26" s="83" t="str">
        <f>IF(AK26="","",($C$7*(1-$M$5)*AK26-AF26)*AE26*[4]Discount!$C14)</f>
        <v/>
      </c>
      <c r="AH26" s="82">
        <v>0</v>
      </c>
      <c r="AI26" s="82">
        <v>0</v>
      </c>
      <c r="AJ26" s="87" t="str">
        <f>IF(AK26="","",(AI26-AK26)*AH26*[4]Discount!$C14)</f>
        <v/>
      </c>
      <c r="AK26" s="85"/>
      <c r="AR26" s="80"/>
      <c r="AS26" s="63"/>
      <c r="AT26" s="63"/>
      <c r="AU26" s="63"/>
    </row>
    <row r="27" spans="2:47" x14ac:dyDescent="0.25">
      <c r="B27" s="81">
        <f t="shared" si="0"/>
        <v>2031</v>
      </c>
      <c r="C27" s="82">
        <v>0</v>
      </c>
      <c r="D27" s="82">
        <v>0</v>
      </c>
      <c r="E27" s="82">
        <v>0</v>
      </c>
      <c r="F27" s="83"/>
      <c r="G27" s="84">
        <v>0</v>
      </c>
      <c r="H27" s="85"/>
      <c r="I27" s="86" t="str">
        <f>IF(H27="","",(G27-H27)*E27*[4]Discount!$C15)</f>
        <v/>
      </c>
      <c r="L27" s="81">
        <v>2031</v>
      </c>
      <c r="M27" s="82">
        <v>730</v>
      </c>
      <c r="N27" s="82">
        <v>13269.565217391304</v>
      </c>
      <c r="O27" s="83" t="str">
        <f>IF(S27="","",($C$6*(1-$M$5)*S27-N27)*M27*[4]Discount!$C15)</f>
        <v/>
      </c>
      <c r="P27" s="82">
        <v>0</v>
      </c>
      <c r="Q27" s="82">
        <v>0</v>
      </c>
      <c r="R27" s="87" t="str">
        <f>IF(S27="","",(Q27-S27)*P27*[4]Discount!$C15)</f>
        <v/>
      </c>
      <c r="S27" s="85"/>
      <c r="U27" s="81">
        <v>2031</v>
      </c>
      <c r="V27" s="82">
        <v>0</v>
      </c>
      <c r="W27" s="82">
        <v>0</v>
      </c>
      <c r="X27" s="83" t="str">
        <f>IF(AB27="","",($C$7*(1-$M$5)*AB27-W27)*V27*[4]Discount!$C15)</f>
        <v/>
      </c>
      <c r="Y27" s="82">
        <v>528</v>
      </c>
      <c r="Z27" s="82">
        <v>12237</v>
      </c>
      <c r="AA27" s="87" t="str">
        <f>IF(AB27="","",(Z27-AB27)*Y27*[4]Discount!$C15)</f>
        <v/>
      </c>
      <c r="AB27" s="85"/>
      <c r="AD27" s="81">
        <v>2031</v>
      </c>
      <c r="AE27" s="82">
        <v>0</v>
      </c>
      <c r="AF27" s="82">
        <v>0</v>
      </c>
      <c r="AG27" s="83" t="str">
        <f>IF(AK27="","",($C$7*(1-$M$5)*AK27-AF27)*AE27*[4]Discount!$C15)</f>
        <v/>
      </c>
      <c r="AH27" s="82">
        <v>0</v>
      </c>
      <c r="AI27" s="82">
        <v>0</v>
      </c>
      <c r="AJ27" s="87" t="str">
        <f>IF(AK27="","",(AI27-AK27)*AH27*[4]Discount!$C15)</f>
        <v/>
      </c>
      <c r="AK27" s="85"/>
      <c r="AR27" s="80"/>
      <c r="AS27" s="63"/>
      <c r="AT27" s="63"/>
      <c r="AU27" s="63"/>
    </row>
    <row r="28" spans="2:47" x14ac:dyDescent="0.25">
      <c r="B28" s="81">
        <f t="shared" si="0"/>
        <v>2032</v>
      </c>
      <c r="C28" s="82">
        <v>0</v>
      </c>
      <c r="D28" s="82">
        <v>0</v>
      </c>
      <c r="E28" s="82">
        <v>0</v>
      </c>
      <c r="F28" s="83"/>
      <c r="G28" s="84">
        <v>0</v>
      </c>
      <c r="H28" s="85"/>
      <c r="I28" s="86" t="str">
        <f>IF(H28="","",(G28-H28)*E28*[4]Discount!$C16)</f>
        <v/>
      </c>
      <c r="L28" s="81">
        <v>2032</v>
      </c>
      <c r="M28" s="82">
        <v>478</v>
      </c>
      <c r="N28" s="82">
        <v>13269.565217391308</v>
      </c>
      <c r="O28" s="83" t="str">
        <f>IF(S28="","",($C$6*(1-$M$5)*S28-N28)*M28*[4]Discount!$C16)</f>
        <v/>
      </c>
      <c r="P28" s="82">
        <v>0</v>
      </c>
      <c r="Q28" s="82">
        <v>0</v>
      </c>
      <c r="R28" s="87" t="str">
        <f>IF(S28="","",(Q28-S28)*P28*[4]Discount!$C16)</f>
        <v/>
      </c>
      <c r="S28" s="85"/>
      <c r="U28" s="81">
        <v>2032</v>
      </c>
      <c r="V28" s="82">
        <v>0</v>
      </c>
      <c r="W28" s="82">
        <v>0</v>
      </c>
      <c r="X28" s="83" t="str">
        <f>IF(AB28="","",($C$7*(1-$M$5)*AB28-W28)*V28*[4]Discount!$C16)</f>
        <v/>
      </c>
      <c r="Y28" s="82">
        <v>528</v>
      </c>
      <c r="Z28" s="82">
        <v>12237</v>
      </c>
      <c r="AA28" s="87" t="str">
        <f>IF(AB28="","",(Z28-AB28)*Y28*[4]Discount!$C16)</f>
        <v/>
      </c>
      <c r="AB28" s="85"/>
      <c r="AD28" s="81">
        <v>2032</v>
      </c>
      <c r="AE28" s="82">
        <v>0</v>
      </c>
      <c r="AF28" s="82">
        <v>0</v>
      </c>
      <c r="AG28" s="83" t="str">
        <f>IF(AK28="","",($C$7*(1-$M$5)*AK28-AF28)*AE28*[4]Discount!$C16)</f>
        <v/>
      </c>
      <c r="AH28" s="82">
        <v>0</v>
      </c>
      <c r="AI28" s="82">
        <v>0</v>
      </c>
      <c r="AJ28" s="87" t="str">
        <f>IF(AK28="","",(AI28-AK28)*AH28*[4]Discount!$C16)</f>
        <v/>
      </c>
      <c r="AK28" s="85"/>
      <c r="AR28" s="80"/>
      <c r="AS28" s="63"/>
      <c r="AT28" s="63"/>
      <c r="AU28" s="63"/>
    </row>
    <row r="29" spans="2:47" x14ac:dyDescent="0.25">
      <c r="B29" s="81">
        <f t="shared" si="0"/>
        <v>2033</v>
      </c>
      <c r="C29" s="82">
        <v>0</v>
      </c>
      <c r="D29" s="82">
        <v>0</v>
      </c>
      <c r="E29" s="82">
        <v>0</v>
      </c>
      <c r="F29" s="83"/>
      <c r="G29" s="84">
        <v>0</v>
      </c>
      <c r="H29" s="85"/>
      <c r="I29" s="86" t="str">
        <f>IF(H29="","",(G29-H29)*E29*[4]Discount!$C17)</f>
        <v/>
      </c>
      <c r="L29" s="81">
        <v>2033</v>
      </c>
      <c r="M29" s="82">
        <v>0</v>
      </c>
      <c r="N29" s="82">
        <v>0</v>
      </c>
      <c r="O29" s="83" t="str">
        <f>IF(S29="","",($C$6*(1-$M$5)*S29-N29)*M29*[4]Discount!$C17)</f>
        <v/>
      </c>
      <c r="P29" s="82">
        <v>0</v>
      </c>
      <c r="Q29" s="82">
        <v>0</v>
      </c>
      <c r="R29" s="87" t="str">
        <f>IF(S29="","",(Q29-S29)*P29*[4]Discount!$C17)</f>
        <v/>
      </c>
      <c r="S29" s="85"/>
      <c r="U29" s="81">
        <v>2033</v>
      </c>
      <c r="V29" s="82">
        <v>0</v>
      </c>
      <c r="W29" s="82">
        <v>0</v>
      </c>
      <c r="X29" s="83" t="str">
        <f>IF(AB29="","",($C$7*(1-$M$5)*AB29-W29)*V29*[4]Discount!$C17)</f>
        <v/>
      </c>
      <c r="Y29" s="82">
        <v>528</v>
      </c>
      <c r="Z29" s="82">
        <v>12237</v>
      </c>
      <c r="AA29" s="87" t="str">
        <f>IF(AB29="","",(Z29-AB29)*Y29*[4]Discount!$C17)</f>
        <v/>
      </c>
      <c r="AB29" s="85"/>
      <c r="AD29" s="81">
        <v>2033</v>
      </c>
      <c r="AE29" s="82">
        <v>0</v>
      </c>
      <c r="AF29" s="82">
        <v>0</v>
      </c>
      <c r="AG29" s="83" t="str">
        <f>IF(AK29="","",($C$7*(1-$M$5)*AK29-AF29)*AE29*[4]Discount!$C17)</f>
        <v/>
      </c>
      <c r="AH29" s="82">
        <v>0</v>
      </c>
      <c r="AI29" s="82">
        <v>0</v>
      </c>
      <c r="AJ29" s="87" t="str">
        <f>IF(AK29="","",(AI29-AK29)*AH29*[4]Discount!$C17)</f>
        <v/>
      </c>
      <c r="AK29" s="85"/>
      <c r="AR29" s="80"/>
      <c r="AS29" s="63"/>
      <c r="AT29" s="63"/>
      <c r="AU29" s="63"/>
    </row>
    <row r="30" spans="2:47" x14ac:dyDescent="0.25">
      <c r="B30" s="88"/>
      <c r="C30" s="88"/>
      <c r="D30" s="88"/>
      <c r="E30" s="88"/>
      <c r="F30" s="89"/>
      <c r="G30" s="90"/>
      <c r="H30" s="88"/>
      <c r="I30" s="70"/>
      <c r="J30" s="89"/>
      <c r="L30" s="88"/>
      <c r="M30" s="88"/>
      <c r="N30" s="88"/>
      <c r="O30" s="88"/>
      <c r="P30" s="89"/>
      <c r="Q30" s="88"/>
      <c r="R30" s="88"/>
      <c r="S30" s="70"/>
      <c r="U30" s="88"/>
      <c r="V30" s="88"/>
      <c r="W30" s="88"/>
      <c r="X30" s="88"/>
      <c r="Y30" s="89"/>
      <c r="Z30" s="88"/>
      <c r="AA30" s="88"/>
      <c r="AB30" s="70"/>
      <c r="AD30" s="88"/>
      <c r="AE30" s="88"/>
      <c r="AF30" s="88"/>
      <c r="AG30" s="88"/>
      <c r="AH30" s="89"/>
      <c r="AI30" s="88"/>
      <c r="AJ30" s="88"/>
      <c r="AK30" s="70"/>
      <c r="AR30" s="80"/>
      <c r="AU30" s="63"/>
    </row>
    <row r="31" spans="2:47" ht="15.75" thickBot="1" x14ac:dyDescent="0.3">
      <c r="B31" s="88"/>
      <c r="C31" s="88"/>
      <c r="D31" s="88"/>
      <c r="E31" s="88"/>
      <c r="F31" s="89"/>
      <c r="G31" s="88"/>
      <c r="H31" s="88"/>
      <c r="I31" s="70"/>
      <c r="J31" s="89"/>
      <c r="L31" s="88"/>
      <c r="M31" s="88"/>
      <c r="N31" s="88"/>
      <c r="O31" s="88"/>
      <c r="P31" s="89"/>
      <c r="Q31" s="88"/>
      <c r="R31" s="88"/>
      <c r="S31" s="70"/>
      <c r="U31" s="88"/>
      <c r="V31" s="88"/>
      <c r="W31" s="88"/>
      <c r="X31" s="88"/>
      <c r="Y31" s="89"/>
      <c r="Z31" s="88"/>
      <c r="AA31" s="88"/>
      <c r="AB31" s="70"/>
      <c r="AD31" s="88"/>
      <c r="AE31" s="88"/>
      <c r="AF31" s="88"/>
      <c r="AG31" s="88"/>
      <c r="AH31" s="89"/>
      <c r="AI31" s="88"/>
      <c r="AJ31" s="88"/>
      <c r="AK31" s="70"/>
      <c r="AR31" s="80"/>
      <c r="AS31" s="91"/>
      <c r="AT31" s="91"/>
      <c r="AU31" s="91"/>
    </row>
    <row r="32" spans="2:47" x14ac:dyDescent="0.25">
      <c r="B32" s="46" t="s">
        <v>156</v>
      </c>
      <c r="C32" s="47" t="s">
        <v>157</v>
      </c>
      <c r="D32" s="92" t="s">
        <v>158</v>
      </c>
      <c r="E32" s="92" t="s">
        <v>159</v>
      </c>
      <c r="F32" s="93"/>
      <c r="G32" s="94" t="s">
        <v>160</v>
      </c>
      <c r="I32" s="70"/>
      <c r="J32" s="89"/>
      <c r="L32" s="88"/>
      <c r="M32" s="88"/>
      <c r="N32" s="88"/>
      <c r="O32" s="88"/>
      <c r="P32" s="89"/>
      <c r="Q32" s="88"/>
      <c r="R32" s="88"/>
      <c r="S32" s="70"/>
      <c r="U32" s="88"/>
      <c r="V32" s="88"/>
      <c r="W32" s="88"/>
      <c r="X32" s="88"/>
      <c r="Y32" s="89"/>
      <c r="Z32" s="88"/>
      <c r="AA32" s="88"/>
      <c r="AB32" s="70"/>
      <c r="AD32" s="88"/>
      <c r="AE32" s="88"/>
      <c r="AF32" s="88"/>
      <c r="AG32" s="88"/>
      <c r="AH32" s="89"/>
      <c r="AI32" s="88"/>
      <c r="AJ32" s="88"/>
      <c r="AK32" s="70"/>
    </row>
    <row r="33" spans="2:37" ht="20.100000000000001" customHeight="1" x14ac:dyDescent="0.25">
      <c r="B33" s="53" t="s">
        <v>38</v>
      </c>
      <c r="C33" s="54">
        <v>1.050043089403597</v>
      </c>
      <c r="D33" s="55" t="str">
        <f>IF(SUM(H40:H54)=0,"",SUM(F40:F54)*10^-6)</f>
        <v/>
      </c>
      <c r="E33" s="55" t="str">
        <f>IF(SUM(H40:H54)=0,"",SUM(I40:I54)*10^-6)</f>
        <v/>
      </c>
      <c r="G33" s="56" t="str">
        <f>IFERROR(D33+E33,"")</f>
        <v/>
      </c>
      <c r="I33" s="89"/>
      <c r="J33" s="89"/>
      <c r="L33" s="88"/>
      <c r="M33" s="88"/>
      <c r="N33" s="88"/>
      <c r="O33" s="88"/>
      <c r="P33" s="89"/>
      <c r="Q33" s="88"/>
      <c r="R33" s="88"/>
      <c r="S33" s="70"/>
      <c r="U33" s="88"/>
      <c r="V33" s="88"/>
      <c r="W33" s="88"/>
      <c r="X33" s="88"/>
      <c r="Y33" s="89"/>
      <c r="Z33" s="88"/>
      <c r="AA33" s="88"/>
      <c r="AB33" s="70"/>
      <c r="AD33" s="88"/>
      <c r="AE33" s="88"/>
      <c r="AF33" s="88"/>
      <c r="AG33" s="88"/>
      <c r="AH33" s="89"/>
      <c r="AI33" s="88"/>
      <c r="AJ33" s="88"/>
      <c r="AK33" s="70"/>
    </row>
    <row r="34" spans="2:37" ht="20.100000000000001" customHeight="1" x14ac:dyDescent="0.25">
      <c r="B34" s="58" t="s">
        <v>179</v>
      </c>
      <c r="C34" s="95"/>
      <c r="D34" s="59"/>
      <c r="E34" s="60"/>
      <c r="F34" s="61"/>
      <c r="G34" s="62">
        <f>SUM(G33:G33)</f>
        <v>0</v>
      </c>
      <c r="I34" s="89"/>
      <c r="K34" s="96"/>
      <c r="L34" s="63"/>
    </row>
    <row r="35" spans="2:37" ht="20.100000000000001" customHeight="1" thickBot="1" x14ac:dyDescent="0.3">
      <c r="B35" s="64" t="s">
        <v>164</v>
      </c>
      <c r="C35" s="97"/>
      <c r="D35" s="65"/>
      <c r="E35" s="66"/>
      <c r="G35" s="67">
        <f>G34*1000000/(32.821817*10^6)</f>
        <v>0</v>
      </c>
    </row>
    <row r="36" spans="2:37" x14ac:dyDescent="0.25">
      <c r="B36" s="68"/>
      <c r="D36" s="71"/>
      <c r="E36" s="71"/>
      <c r="F36" s="71"/>
      <c r="G36" s="71"/>
      <c r="H36" s="71"/>
    </row>
    <row r="37" spans="2:37" x14ac:dyDescent="0.25">
      <c r="B37" s="72" t="s">
        <v>38</v>
      </c>
      <c r="D37" s="98"/>
      <c r="E37" s="98"/>
      <c r="F37" s="98"/>
      <c r="G37" s="98"/>
      <c r="H37" s="98"/>
      <c r="I37" s="98"/>
    </row>
    <row r="38" spans="2:37" x14ac:dyDescent="0.25">
      <c r="B38" s="73"/>
      <c r="C38" s="74" t="s">
        <v>165</v>
      </c>
      <c r="D38" s="74" t="s">
        <v>166</v>
      </c>
      <c r="E38" s="74" t="s">
        <v>167</v>
      </c>
      <c r="F38" s="74"/>
      <c r="G38" s="74" t="s">
        <v>168</v>
      </c>
      <c r="H38" s="75" t="s">
        <v>169</v>
      </c>
      <c r="I38" s="74"/>
    </row>
    <row r="39" spans="2:37" x14ac:dyDescent="0.25">
      <c r="B39" s="76" t="s">
        <v>170</v>
      </c>
      <c r="C39" s="77" t="s">
        <v>171</v>
      </c>
      <c r="D39" s="77" t="s">
        <v>172</v>
      </c>
      <c r="E39" s="77" t="s">
        <v>171</v>
      </c>
      <c r="F39" s="77"/>
      <c r="G39" s="77" t="s">
        <v>172</v>
      </c>
      <c r="H39" s="78" t="s">
        <v>172</v>
      </c>
      <c r="I39" s="77"/>
    </row>
    <row r="40" spans="2:37" x14ac:dyDescent="0.25">
      <c r="B40" s="81" t="str" cm="1">
        <f t="array" ref="B40:B54">B15:B29</f>
        <v>Q3 2023</v>
      </c>
      <c r="C40" s="82">
        <v>2062.6575090349997</v>
      </c>
      <c r="D40" s="82">
        <v>14125.826519690971</v>
      </c>
      <c r="E40" s="82">
        <v>2848.8645833333335</v>
      </c>
      <c r="F40" s="83" t="str">
        <f>IF(H40="","",($C$33*(1-$M$5)*H40-D40)*C40*[4]Discount!$C3)</f>
        <v/>
      </c>
      <c r="G40" s="82">
        <v>22360.456887498782</v>
      </c>
      <c r="H40" s="85"/>
      <c r="I40" s="86" t="str">
        <f>IF(H40="","",(G40-H40)*E40*[4]Discount!$C3)</f>
        <v/>
      </c>
    </row>
    <row r="41" spans="2:37" x14ac:dyDescent="0.25">
      <c r="B41" s="81" t="str">
        <v>Q4 2023</v>
      </c>
      <c r="C41" s="82">
        <v>1888.9333333333332</v>
      </c>
      <c r="D41" s="82">
        <v>14261.065551110471</v>
      </c>
      <c r="E41" s="82">
        <v>2259.172222222222</v>
      </c>
      <c r="F41" s="83" t="str">
        <f>IF(H41="","",($C$33*(1-$M$5)*H41-D41)*C41*[4]Discount!$C4)</f>
        <v/>
      </c>
      <c r="G41" s="82">
        <v>22257.120602368395</v>
      </c>
      <c r="H41" s="85"/>
      <c r="I41" s="86" t="str">
        <f>IF(H41="","",(G41-H41)*E41*[4]Discount!$C4)</f>
        <v/>
      </c>
    </row>
    <row r="42" spans="2:37" x14ac:dyDescent="0.25">
      <c r="B42" s="81" t="str">
        <v>Q1 2024</v>
      </c>
      <c r="C42" s="82">
        <v>1596.5625</v>
      </c>
      <c r="D42" s="82">
        <v>14210.517899095486</v>
      </c>
      <c r="E42" s="82">
        <v>1547.0715277777776</v>
      </c>
      <c r="F42" s="83" t="str">
        <f>IF(H42="","",($C$33*(1-$M$5)*H42-D42)*C42*[4]Discount!$C5)</f>
        <v/>
      </c>
      <c r="G42" s="82">
        <v>22631.451247571895</v>
      </c>
      <c r="H42" s="85"/>
      <c r="I42" s="86" t="str">
        <f>IF(H42="","",(G42-H42)*E42*[4]Discount!$C5)</f>
        <v/>
      </c>
    </row>
    <row r="43" spans="2:37" x14ac:dyDescent="0.25">
      <c r="B43" s="81" t="str">
        <v>Q2 2024</v>
      </c>
      <c r="C43" s="82">
        <v>1552.7701388888891</v>
      </c>
      <c r="D43" s="82">
        <v>14242.395191895637</v>
      </c>
      <c r="E43" s="82">
        <v>1291.6916666666666</v>
      </c>
      <c r="F43" s="83" t="str">
        <f>IF(H43="","",($C$33*(1-$M$5)*H43-D43)*C43*[4]Discount!$C6)</f>
        <v/>
      </c>
      <c r="G43" s="82">
        <v>22000.609967827124</v>
      </c>
      <c r="H43" s="85"/>
      <c r="I43" s="86" t="str">
        <f>IF(H43="","",(G43-H43)*E43*[4]Discount!$C6)</f>
        <v/>
      </c>
    </row>
    <row r="44" spans="2:37" x14ac:dyDescent="0.25">
      <c r="B44" s="81" t="str">
        <v>Q3 2024</v>
      </c>
      <c r="C44" s="82">
        <v>1656</v>
      </c>
      <c r="D44" s="82">
        <v>14365.349293790265</v>
      </c>
      <c r="E44" s="82">
        <v>1037.7222222222222</v>
      </c>
      <c r="F44" s="83" t="str">
        <f>IF(H44="","",($C$33*(1-$M$5)*H44-D44)*C44*[4]Discount!$C7)</f>
        <v/>
      </c>
      <c r="G44" s="82">
        <v>22001.48668399081</v>
      </c>
      <c r="H44" s="85"/>
      <c r="I44" s="86" t="str">
        <f>IF(H44="","",(G44-H44)*E44*[4]Discount!$C7)</f>
        <v/>
      </c>
    </row>
    <row r="45" spans="2:37" x14ac:dyDescent="0.25">
      <c r="B45" s="81" t="str">
        <v>Q4 2024</v>
      </c>
      <c r="C45" s="82">
        <v>1650.6229166666667</v>
      </c>
      <c r="D45" s="82">
        <v>14428.267840969125</v>
      </c>
      <c r="E45" s="82">
        <v>965</v>
      </c>
      <c r="F45" s="83" t="str">
        <f>IF(H45="","",($C$33*(1-$M$5)*H45-D45)*C45*[4]Discount!$C8)</f>
        <v/>
      </c>
      <c r="G45" s="82">
        <v>21886.414733412414</v>
      </c>
      <c r="H45" s="85"/>
      <c r="I45" s="86" t="str">
        <f>IF(H45="","",(G45-H45)*E45*[4]Discount!$C8)</f>
        <v/>
      </c>
    </row>
    <row r="46" spans="2:37" x14ac:dyDescent="0.25">
      <c r="B46" s="81" t="str">
        <v>2025</v>
      </c>
      <c r="C46" s="82">
        <v>6581.4326388888894</v>
      </c>
      <c r="D46" s="82">
        <v>14588.659705431646</v>
      </c>
      <c r="E46" s="82">
        <v>3155.567361111111</v>
      </c>
      <c r="F46" s="83" t="str">
        <f>IF(H46="","",($C$33*(1-$M$5)*H46-D46)*C46*[4]Discount!$C9)</f>
        <v/>
      </c>
      <c r="G46" s="82">
        <v>21488.384798160914</v>
      </c>
      <c r="H46" s="85"/>
      <c r="I46" s="86" t="str">
        <f>IF(H46="","",(G46-H46)*E46*[4]Discount!$C9)</f>
        <v/>
      </c>
    </row>
    <row r="47" spans="2:37" x14ac:dyDescent="0.25">
      <c r="B47" s="81">
        <v>2026</v>
      </c>
      <c r="C47" s="82">
        <v>4768.53125</v>
      </c>
      <c r="D47" s="82">
        <v>15267.342313630372</v>
      </c>
      <c r="E47" s="82">
        <v>187.48124999999999</v>
      </c>
      <c r="F47" s="83" t="str">
        <f>IF(H47="","",($C$33*(1-$M$5)*H47-D47)*C47*[4]Discount!$C10)</f>
        <v/>
      </c>
      <c r="G47" s="82">
        <v>22850.758876590393</v>
      </c>
      <c r="H47" s="85"/>
      <c r="I47" s="86" t="str">
        <f>IF(H47="","",(G47-H47)*E47*[4]Discount!$C10)</f>
        <v/>
      </c>
    </row>
    <row r="48" spans="2:37" x14ac:dyDescent="0.25">
      <c r="B48" s="81">
        <v>2027</v>
      </c>
      <c r="C48" s="82">
        <v>3382.4937499999996</v>
      </c>
      <c r="D48" s="82">
        <v>15971.730981693161</v>
      </c>
      <c r="E48" s="82">
        <v>0</v>
      </c>
      <c r="F48" s="83" t="str">
        <f>IF(H48="","",($C$33*(1-$M$5)*H48-D48)*C48*[4]Discount!$C11)</f>
        <v/>
      </c>
      <c r="G48" s="82">
        <v>0</v>
      </c>
      <c r="H48" s="85"/>
      <c r="I48" s="86" t="str">
        <f>IF(H48="","",(G48-H48)*E48*[4]Discount!$C11)</f>
        <v/>
      </c>
    </row>
    <row r="49" spans="2:16" x14ac:dyDescent="0.25">
      <c r="B49" s="81">
        <v>2028</v>
      </c>
      <c r="C49" s="82">
        <v>2231.0416666666665</v>
      </c>
      <c r="D49" s="82">
        <v>16527.576213303411</v>
      </c>
      <c r="E49" s="82">
        <v>0</v>
      </c>
      <c r="F49" s="83" t="str">
        <f>IF(H49="","",($C$33*(1-$M$5)*H49-D49)*C49*[4]Discount!$C12)</f>
        <v/>
      </c>
      <c r="G49" s="82">
        <v>0</v>
      </c>
      <c r="H49" s="85"/>
      <c r="I49" s="86" t="str">
        <f>IF(H49="","",(G49-H49)*E49*[4]Discount!$C12)</f>
        <v/>
      </c>
    </row>
    <row r="50" spans="2:16" x14ac:dyDescent="0.25">
      <c r="B50" s="81">
        <v>2029</v>
      </c>
      <c r="C50" s="82">
        <v>1519.0020833333333</v>
      </c>
      <c r="D50" s="82">
        <v>16565.533454916014</v>
      </c>
      <c r="E50" s="82">
        <v>0</v>
      </c>
      <c r="F50" s="83" t="str">
        <f>IF(H50="","",($C$33*(1-$M$5)*H50-D50)*C50*[4]Discount!$C13)</f>
        <v/>
      </c>
      <c r="G50" s="82">
        <v>0</v>
      </c>
      <c r="H50" s="85"/>
      <c r="I50" s="86" t="str">
        <f>IF(H50="","",(G50-H50)*E50*[4]Discount!$C13)</f>
        <v/>
      </c>
    </row>
    <row r="51" spans="2:16" x14ac:dyDescent="0.25">
      <c r="B51" s="81">
        <v>2030</v>
      </c>
      <c r="C51" s="82">
        <v>394</v>
      </c>
      <c r="D51" s="82">
        <v>16636.363636363636</v>
      </c>
      <c r="E51" s="82">
        <v>0</v>
      </c>
      <c r="F51" s="83" t="str">
        <f>IF(H51="","",($C$33*(1-$M$5)*H51-D51)*C51*[4]Discount!$C14)</f>
        <v/>
      </c>
      <c r="G51" s="82">
        <v>0</v>
      </c>
      <c r="H51" s="85"/>
      <c r="I51" s="86" t="str">
        <f>IF(H51="","",(G51-H51)*E51*[4]Discount!$C14)</f>
        <v/>
      </c>
    </row>
    <row r="52" spans="2:16" x14ac:dyDescent="0.25">
      <c r="B52" s="81">
        <v>2031</v>
      </c>
      <c r="C52" s="82">
        <v>0</v>
      </c>
      <c r="D52" s="82">
        <v>0</v>
      </c>
      <c r="E52" s="82">
        <v>0</v>
      </c>
      <c r="F52" s="83" t="str">
        <f>IF(H52="","",($C$33*(1-$M$5)*H52-D52)*C52*[4]Discount!$C15)</f>
        <v/>
      </c>
      <c r="G52" s="82">
        <v>0</v>
      </c>
      <c r="H52" s="85"/>
      <c r="I52" s="86" t="str">
        <f>IF(H52="","",(G52-H52)*E52*[4]Discount!$C15)</f>
        <v/>
      </c>
    </row>
    <row r="53" spans="2:16" x14ac:dyDescent="0.25">
      <c r="B53" s="81">
        <v>2032</v>
      </c>
      <c r="C53" s="82">
        <v>0</v>
      </c>
      <c r="D53" s="82">
        <v>0</v>
      </c>
      <c r="E53" s="82">
        <v>0</v>
      </c>
      <c r="F53" s="83" t="str">
        <f>IF(H53="","",($C$33*(1-$M$5)*H53-D53)*C53*[4]Discount!$C16)</f>
        <v/>
      </c>
      <c r="G53" s="82">
        <v>0</v>
      </c>
      <c r="H53" s="85"/>
      <c r="I53" s="86" t="str">
        <f>IF(H53="","",(G53-H53)*E53*[4]Discount!$C16)</f>
        <v/>
      </c>
    </row>
    <row r="54" spans="2:16" x14ac:dyDescent="0.25">
      <c r="B54" s="81">
        <v>2033</v>
      </c>
      <c r="C54" s="82">
        <v>0</v>
      </c>
      <c r="D54" s="82">
        <v>0</v>
      </c>
      <c r="E54" s="82">
        <v>0</v>
      </c>
      <c r="F54" s="83" t="str">
        <f>IF(H54="","",($C$33*(1-$M$5)*H54-D54)*C54*[4]Discount!$C17)</f>
        <v/>
      </c>
      <c r="G54" s="82">
        <v>0</v>
      </c>
      <c r="H54" s="85"/>
      <c r="I54" s="86" t="str">
        <f>IF(H54="","",(G54-H54)*E54*[4]Discount!$C17)</f>
        <v/>
      </c>
    </row>
    <row r="56" spans="2:16" x14ac:dyDescent="0.25">
      <c r="G56" s="63"/>
      <c r="M56" s="63"/>
      <c r="P56" s="63"/>
    </row>
  </sheetData>
  <protectedRanges>
    <protectedRange sqref="M4 H40:H41 H43:H54" name="Range1"/>
  </protectedRanges>
  <pageMargins left="0.70866141732283472" right="0.70866141732283472" top="0.74803149606299213" bottom="0.74803149606299213" header="0.31496062992125984" footer="0.31496062992125984"/>
  <pageSetup paperSize="9" scale="22" orientation="landscape" r:id="rId1"/>
  <drawing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blankspreadshee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22B867D094962143AD481AD37CF32394" ma:contentTypeVersion="16" ma:contentTypeDescription="Create a new document." ma:contentTypeScope="" ma:versionID="3cfb0f38a15c067dcae7625761e1fe95">
  <xsd:schema xmlns:xsd="http://www.w3.org/2001/XMLSchema" xmlns:xs="http://www.w3.org/2001/XMLSchema" xmlns:p="http://schemas.microsoft.com/office/2006/metadata/properties" xmlns:ns2="47b4e39d-6ad2-4550-8765-29da772c6ac0" xmlns:ns3="a1d01376-6fe5-41cc-9df1-0d9fb9038ffb" targetNamespace="http://schemas.microsoft.com/office/2006/metadata/properties" ma:root="true" ma:fieldsID="0a57e51115b5b429e26945c34c79734a" ns2:_="" ns3:_="">
    <xsd:import namespace="47b4e39d-6ad2-4550-8765-29da772c6ac0"/>
    <xsd:import namespace="a1d01376-6fe5-41cc-9df1-0d9fb9038ffb"/>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b4e39d-6ad2-4550-8765-29da772c6ac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0e3793bb-314c-4ca2-a213-241338491b07"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1d01376-6fe5-41cc-9df1-0d9fb9038ffb"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87a9e933-6150-45d6-a53b-11f2e8438277}" ma:internalName="TaxCatchAll" ma:showField="CatchAllData" ma:web="a1d01376-6fe5-41cc-9df1-0d9fb9038ff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b4e39d-6ad2-4550-8765-29da772c6ac0">
      <Terms xmlns="http://schemas.microsoft.com/office/infopath/2007/PartnerControls"/>
    </lcf76f155ced4ddcb4097134ff3c332f>
    <TaxCatchAll xmlns="a1d01376-6fe5-41cc-9df1-0d9fb9038ffb" xsi:nil="true"/>
  </documentManagement>
</p:properties>
</file>

<file path=customXml/itemProps1.xml><?xml version="1.0" encoding="utf-8"?>
<ds:datastoreItem xmlns:ds="http://schemas.openxmlformats.org/officeDocument/2006/customXml" ds:itemID="{04951BBF-E6CA-4A1D-ADB9-894B78F322B0}">
  <ds:schemaRefs/>
</ds:datastoreItem>
</file>

<file path=customXml/itemProps2.xml><?xml version="1.0" encoding="utf-8"?>
<ds:datastoreItem xmlns:ds="http://schemas.openxmlformats.org/officeDocument/2006/customXml" ds:itemID="{F77B52D8-7CC7-42EE-BF9E-D1D3AC47CC35}">
  <ds:schemaRefs/>
</ds:datastoreItem>
</file>

<file path=customXml/itemProps3.xml><?xml version="1.0" encoding="utf-8"?>
<ds:datastoreItem xmlns:ds="http://schemas.openxmlformats.org/officeDocument/2006/customXml" ds:itemID="{C41E41AB-1463-4763-95F2-4359E762BBFF}"/>
</file>

<file path=customXml/itemProps4.xml><?xml version="1.0" encoding="utf-8"?>
<ds:datastoreItem xmlns:ds="http://schemas.openxmlformats.org/officeDocument/2006/customXml" ds:itemID="{A239CFD2-EC65-4227-87B9-A0FDF0606E67}"/>
</file>

<file path=customXml/itemProps5.xml><?xml version="1.0" encoding="utf-8"?>
<ds:datastoreItem xmlns:ds="http://schemas.openxmlformats.org/officeDocument/2006/customXml" ds:itemID="{B6DB2CE2-AD71-4E46-8457-352A92C10015}"/>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7</vt:i4>
      </vt:variant>
    </vt:vector>
  </HeadingPairs>
  <TitlesOfParts>
    <vt:vector size="7" baseType="lpstr">
      <vt:lpstr>Table of ccontent</vt:lpstr>
      <vt:lpstr>Fleet end Q2 2023</vt:lpstr>
      <vt:lpstr>Dry Cargo Table Q2 2023</vt:lpstr>
      <vt:lpstr>Tankers Table Q2 2023</vt:lpstr>
      <vt:lpstr>Dry Cargo Table Q1 2023</vt:lpstr>
      <vt:lpstr>Tankers Table Q1 2023</vt:lpstr>
      <vt:lpstr>Valuation of TC Cover end Q2</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Isabella Hansen</dc:creator>
  <cp:lastModifiedBy>Isabella Hansen</cp:lastModifiedBy>
  <dcterms:created xsi:type="dcterms:W3CDTF">2023-07-28T07:44:10Z</dcterms:created>
  <dcterms:modified xsi:type="dcterms:W3CDTF">2023-08-09T09:00:4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orden</vt:lpwstr>
  </property>
  <property fmtid="{D5CDD505-2E9C-101B-9397-08002B2CF9AE}" pid="3" name="TemplafyTemplateId">
    <vt:lpwstr>638101514048526460</vt:lpwstr>
  </property>
  <property fmtid="{D5CDD505-2E9C-101B-9397-08002B2CF9AE}" pid="4" name="TemplafyUserProfileId">
    <vt:lpwstr>638125690467671230</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ContentTypeId">
    <vt:lpwstr>0x01010022B867D094962143AD481AD37CF32394</vt:lpwstr>
  </property>
</Properties>
</file>